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p14">
  <w:body>
    <w:p w:rsidRPr="00B86E52" w:rsidR="00B86E52" w:rsidP="00B86E52" w:rsidRDefault="00B86E52" w14:paraId="13CB07A2" w14:textId="4B82867C">
      <w:pPr>
        <w:spacing w:after="0" w:line="240" w:lineRule="auto"/>
        <w:contextualSpacing/>
        <w:rPr>
          <w:rFonts w:ascii="Tahoma" w:hAnsi="Tahoma" w:cs="Tahoma"/>
        </w:rPr>
      </w:pPr>
      <w:r w:rsidRPr="00B86E52">
        <w:rPr>
          <w:rFonts w:ascii="Tahoma" w:hAnsi="Tahoma" w:cs="Tahoma"/>
          <w:noProof/>
        </w:rPr>
        <w:drawing>
          <wp:anchor distT="0" distB="0" distL="114300" distR="114300" simplePos="0" relativeHeight="251658240" behindDoc="1" locked="0" layoutInCell="1" allowOverlap="1" wp14:anchorId="3FCB406C" wp14:editId="41AED6EC">
            <wp:simplePos x="0" y="0"/>
            <wp:positionH relativeFrom="column">
              <wp:posOffset>4356100</wp:posOffset>
            </wp:positionH>
            <wp:positionV relativeFrom="paragraph">
              <wp:posOffset>-495300</wp:posOffset>
            </wp:positionV>
            <wp:extent cx="1809750" cy="730250"/>
            <wp:effectExtent l="0" t="0" r="0" b="0"/>
            <wp:wrapNone/>
            <wp:docPr id="3" name="Picture 3" descr="C:\Users\s3800388\AppData\Local\Microsoft\Windows\INetCache\Content.MSO\F047DE00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800388\AppData\Local\Microsoft\Windows\INetCache\Content.MSO\F047DE00.tmp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09750" cy="730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B86E52">
        <w:rPr>
          <w:rFonts w:ascii="Tahoma" w:hAnsi="Tahoma" w:cs="Tahoma"/>
        </w:rPr>
        <w:t>Date: 30</w:t>
      </w:r>
      <w:r w:rsidRPr="00B86E52">
        <w:rPr>
          <w:rFonts w:ascii="Tahoma" w:hAnsi="Tahoma" w:cs="Tahoma"/>
          <w:vertAlign w:val="superscript"/>
        </w:rPr>
        <w:t>th</w:t>
      </w:r>
      <w:r w:rsidRPr="00B86E52">
        <w:rPr>
          <w:rFonts w:ascii="Tahoma" w:hAnsi="Tahoma" w:cs="Tahoma"/>
        </w:rPr>
        <w:t xml:space="preserve"> March 2023</w:t>
      </w:r>
    </w:p>
    <w:p w:rsidRPr="00B86E52" w:rsidR="00B86E52" w:rsidP="00B86E52" w:rsidRDefault="00B86E52" w14:paraId="51BD58DE" w14:textId="3B4D2672">
      <w:pPr>
        <w:spacing w:after="0" w:line="240" w:lineRule="auto"/>
        <w:contextualSpacing/>
        <w:rPr>
          <w:rFonts w:ascii="Tahoma" w:hAnsi="Tahoma" w:cs="Tahoma"/>
        </w:rPr>
      </w:pPr>
      <w:r w:rsidRPr="00B86E52">
        <w:rPr>
          <w:rFonts w:ascii="Tahoma" w:hAnsi="Tahoma" w:cs="Tahoma"/>
        </w:rPr>
        <w:t xml:space="preserve">Time: 2-4pm </w:t>
      </w:r>
    </w:p>
    <w:p w:rsidRPr="00B86E52" w:rsidR="00B86E52" w:rsidP="00B86E52" w:rsidRDefault="00B86E52" w14:paraId="0D3D398D" w14:textId="46C55C73">
      <w:pPr>
        <w:spacing w:after="0" w:line="240" w:lineRule="auto"/>
        <w:contextualSpacing/>
        <w:rPr>
          <w:rFonts w:ascii="Tahoma" w:hAnsi="Tahoma" w:cs="Tahoma"/>
        </w:rPr>
      </w:pPr>
      <w:r w:rsidRPr="00B86E52">
        <w:rPr>
          <w:rFonts w:ascii="Tahoma" w:hAnsi="Tahoma" w:cs="Tahoma"/>
        </w:rPr>
        <w:t>Venue: Online</w:t>
      </w:r>
    </w:p>
    <w:p w:rsidRPr="00B86E52" w:rsidR="00B86E52" w:rsidP="00B86E52" w:rsidRDefault="00B86E52" w14:paraId="72623C34" w14:textId="129A6D62">
      <w:pPr>
        <w:spacing w:after="0" w:line="240" w:lineRule="auto"/>
        <w:contextualSpacing/>
        <w:rPr>
          <w:rFonts w:ascii="Tahoma" w:hAnsi="Tahoma" w:cs="Tahoma"/>
        </w:rPr>
      </w:pPr>
      <w:hyperlink r:id="Rd448c3c5e1d24c99">
        <w:r w:rsidRPr="5DB9F122" w:rsidR="00B86E52">
          <w:rPr>
            <w:rStyle w:val="Hyperlink"/>
            <w:rFonts w:ascii="Tahoma" w:hAnsi="Tahoma" w:cs="Tahoma"/>
          </w:rPr>
          <w:t>Resources</w:t>
        </w:r>
      </w:hyperlink>
    </w:p>
    <w:p w:rsidRPr="00B86E52" w:rsidR="00B86E52" w:rsidP="00B86E52" w:rsidRDefault="00B86E52" w14:paraId="1B20E5BC" w14:textId="77777777">
      <w:pPr>
        <w:rPr>
          <w:rFonts w:ascii="Tahoma" w:hAnsi="Tahoma" w:cs="Tahoma"/>
          <w:b/>
        </w:rPr>
      </w:pPr>
    </w:p>
    <w:p w:rsidRPr="00B86E52" w:rsidR="00C948BB" w:rsidP="00B86E52" w:rsidRDefault="00C07001" w14:paraId="6E15B3AF" w14:textId="696E286C">
      <w:pPr>
        <w:jc w:val="center"/>
        <w:rPr>
          <w:rFonts w:ascii="Tahoma" w:hAnsi="Tahoma" w:cs="Tahoma"/>
          <w:b/>
          <w:sz w:val="32"/>
        </w:rPr>
      </w:pPr>
      <w:r w:rsidRPr="00B86E52">
        <w:rPr>
          <w:rFonts w:ascii="Tahoma" w:hAnsi="Tahoma" w:cs="Tahoma"/>
          <w:b/>
          <w:sz w:val="32"/>
        </w:rPr>
        <w:t>Spring Forum and AGM Minutes</w:t>
      </w:r>
    </w:p>
    <w:p w:rsidRPr="00B86E52" w:rsidR="00B86E52" w:rsidP="00B86E52" w:rsidRDefault="00B86E52" w14:paraId="4211AE38" w14:textId="77777777">
      <w:pPr>
        <w:jc w:val="center"/>
        <w:rPr>
          <w:rFonts w:ascii="Tahoma" w:hAnsi="Tahoma" w:cs="Tahoma"/>
          <w:b/>
        </w:rPr>
      </w:pPr>
    </w:p>
    <w:tbl>
      <w:tblPr>
        <w:tblStyle w:val="TableGrid"/>
        <w:tblW w:w="0" w:type="auto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tblLook w:val="04A0" w:firstRow="1" w:lastRow="0" w:firstColumn="1" w:lastColumn="0" w:noHBand="0" w:noVBand="1"/>
      </w:tblPr>
      <w:tblGrid>
        <w:gridCol w:w="3005"/>
        <w:gridCol w:w="1101"/>
        <w:gridCol w:w="4910"/>
      </w:tblGrid>
      <w:tr w:rsidRPr="00B86E52" w:rsidR="00CF35D5" w:rsidTr="00CF35D5" w14:paraId="028F1108" w14:textId="77777777">
        <w:tc>
          <w:tcPr>
            <w:tcW w:w="9016" w:type="dxa"/>
            <w:gridSpan w:val="3"/>
          </w:tcPr>
          <w:p w:rsidRPr="00B86E52" w:rsidR="00CF35D5" w:rsidRDefault="00CF35D5" w14:paraId="6FB15ECF" w14:textId="4AFA8F9D">
            <w:pPr>
              <w:rPr>
                <w:rFonts w:ascii="Tahoma" w:hAnsi="Tahoma" w:cs="Tahoma"/>
                <w:b/>
              </w:rPr>
            </w:pPr>
            <w:r w:rsidRPr="00B86E52">
              <w:rPr>
                <w:rFonts w:ascii="Tahoma" w:hAnsi="Tahoma" w:cs="Tahoma"/>
                <w:b/>
              </w:rPr>
              <w:t>Attending:</w:t>
            </w:r>
          </w:p>
        </w:tc>
      </w:tr>
      <w:tr w:rsidRPr="00B86E52" w:rsidR="005E0F13" w:rsidTr="00CF35D5" w14:paraId="0A6EFD30" w14:textId="77777777">
        <w:tc>
          <w:tcPr>
            <w:tcW w:w="3005" w:type="dxa"/>
          </w:tcPr>
          <w:p w:rsidRPr="00B86E52" w:rsidR="005E0F13" w:rsidRDefault="005E0F13" w14:paraId="336FFA5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lan Smith</w:t>
            </w:r>
          </w:p>
        </w:tc>
        <w:tc>
          <w:tcPr>
            <w:tcW w:w="1101" w:type="dxa"/>
          </w:tcPr>
          <w:p w:rsidRPr="00B86E52" w:rsidR="005E0F13" w:rsidRDefault="005E0F13" w14:paraId="69E2E7FD" w14:textId="47E552F3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AlaS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40EACAB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oyal Conservatoire of Scotland</w:t>
            </w:r>
          </w:p>
        </w:tc>
      </w:tr>
      <w:tr w:rsidRPr="00B86E52" w:rsidR="005E0F13" w:rsidTr="00CF35D5" w14:paraId="527438DB" w14:textId="77777777">
        <w:tc>
          <w:tcPr>
            <w:tcW w:w="3005" w:type="dxa"/>
          </w:tcPr>
          <w:p w:rsidRPr="00B86E52" w:rsidR="005E0F13" w:rsidRDefault="005E0F13" w14:paraId="5EF3CAD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lice Smith</w:t>
            </w:r>
          </w:p>
        </w:tc>
        <w:tc>
          <w:tcPr>
            <w:tcW w:w="1101" w:type="dxa"/>
          </w:tcPr>
          <w:p w:rsidRPr="00B86E52" w:rsidR="005E0F13" w:rsidRDefault="005E0F13" w14:paraId="49B980FB" w14:textId="3916D88C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AliS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6C960615" w14:textId="35714B30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00CF35D5" w14:paraId="4D44E5F5" w14:textId="77777777">
        <w:tc>
          <w:tcPr>
            <w:tcW w:w="3005" w:type="dxa"/>
          </w:tcPr>
          <w:p w:rsidRPr="00B86E52" w:rsidR="005E0F13" w:rsidRDefault="005E0F13" w14:paraId="4FB612A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my Gove-</w:t>
            </w:r>
            <w:proofErr w:type="spellStart"/>
            <w:r w:rsidRPr="00B86E52">
              <w:rPr>
                <w:rFonts w:ascii="Tahoma" w:hAnsi="Tahoma" w:cs="Tahoma"/>
              </w:rPr>
              <w:t>Kaney</w:t>
            </w:r>
            <w:proofErr w:type="spellEnd"/>
          </w:p>
        </w:tc>
        <w:tc>
          <w:tcPr>
            <w:tcW w:w="1101" w:type="dxa"/>
          </w:tcPr>
          <w:p w:rsidRPr="00B86E52" w:rsidR="005E0F13" w:rsidRDefault="005E0F13" w14:paraId="16F79759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GK</w:t>
            </w:r>
          </w:p>
        </w:tc>
        <w:tc>
          <w:tcPr>
            <w:tcW w:w="4910" w:type="dxa"/>
          </w:tcPr>
          <w:p w:rsidRPr="00B86E52" w:rsidR="005E0F13" w:rsidRDefault="005E0F13" w14:paraId="3375E7A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Stirling</w:t>
            </w:r>
          </w:p>
        </w:tc>
      </w:tr>
      <w:tr w:rsidRPr="00B86E52" w:rsidR="005E0F13" w:rsidTr="00CF35D5" w14:paraId="6868BB15" w14:textId="77777777">
        <w:tc>
          <w:tcPr>
            <w:tcW w:w="3005" w:type="dxa"/>
          </w:tcPr>
          <w:p w:rsidRPr="00B86E52" w:rsidR="005E0F13" w:rsidRDefault="005E0F13" w14:paraId="6736BE3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ndy Stahly</w:t>
            </w:r>
          </w:p>
        </w:tc>
        <w:tc>
          <w:tcPr>
            <w:tcW w:w="1101" w:type="dxa"/>
          </w:tcPr>
          <w:p w:rsidRPr="00B86E52" w:rsidR="005E0F13" w:rsidRDefault="005E0F13" w14:paraId="3A2D5359" w14:textId="1AE5B38F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ASt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77E35CB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St Andrews</w:t>
            </w:r>
          </w:p>
        </w:tc>
      </w:tr>
      <w:tr w:rsidRPr="00B86E52" w:rsidR="005E0F13" w:rsidTr="00CF35D5" w14:paraId="284F4FD1" w14:textId="77777777">
        <w:tc>
          <w:tcPr>
            <w:tcW w:w="3005" w:type="dxa"/>
          </w:tcPr>
          <w:p w:rsidRPr="00B86E52" w:rsidR="005E0F13" w:rsidRDefault="005E0F13" w14:paraId="14DE165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nna Clark</w:t>
            </w:r>
          </w:p>
        </w:tc>
        <w:tc>
          <w:tcPr>
            <w:tcW w:w="1101" w:type="dxa"/>
          </w:tcPr>
          <w:p w:rsidRPr="00B86E52" w:rsidR="005E0F13" w:rsidRDefault="005E0F13" w14:paraId="270B7E7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AC</w:t>
            </w:r>
          </w:p>
        </w:tc>
        <w:tc>
          <w:tcPr>
            <w:tcW w:w="4910" w:type="dxa"/>
          </w:tcPr>
          <w:p w:rsidRPr="00B86E52" w:rsidR="005E0F13" w:rsidRDefault="005E0F13" w14:paraId="7EFF6EE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Heriot-Watt University</w:t>
            </w:r>
          </w:p>
        </w:tc>
      </w:tr>
      <w:tr w:rsidRPr="00B86E52" w:rsidR="005E0F13" w:rsidTr="00CF35D5" w14:paraId="7D4F2056" w14:textId="77777777">
        <w:tc>
          <w:tcPr>
            <w:tcW w:w="3005" w:type="dxa"/>
          </w:tcPr>
          <w:p w:rsidRPr="00B86E52" w:rsidR="005E0F13" w:rsidRDefault="005E0F13" w14:paraId="05B5D6F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illy Currie</w:t>
            </w:r>
          </w:p>
        </w:tc>
        <w:tc>
          <w:tcPr>
            <w:tcW w:w="1101" w:type="dxa"/>
          </w:tcPr>
          <w:p w:rsidRPr="00B86E52" w:rsidR="005E0F13" w:rsidRDefault="005E0F13" w14:paraId="2C04E454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C</w:t>
            </w:r>
          </w:p>
        </w:tc>
        <w:tc>
          <w:tcPr>
            <w:tcW w:w="4910" w:type="dxa"/>
          </w:tcPr>
          <w:p w:rsidRPr="00B86E52" w:rsidR="005E0F13" w:rsidRDefault="005E0F13" w14:paraId="52B8242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umfries and Galloway College</w:t>
            </w:r>
          </w:p>
        </w:tc>
      </w:tr>
      <w:tr w:rsidRPr="00B86E52" w:rsidR="005E0F13" w:rsidTr="005E0F13" w14:paraId="4519F2BC" w14:textId="77777777">
        <w:trPr>
          <w:trHeight w:val="270"/>
        </w:trPr>
        <w:tc>
          <w:tcPr>
            <w:tcW w:w="3005" w:type="dxa"/>
          </w:tcPr>
          <w:p w:rsidRPr="00B86E52" w:rsidR="005E0F13" w:rsidRDefault="005E0F13" w14:paraId="5F988A5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ruce Laing</w:t>
            </w:r>
          </w:p>
        </w:tc>
        <w:tc>
          <w:tcPr>
            <w:tcW w:w="1101" w:type="dxa"/>
          </w:tcPr>
          <w:p w:rsidRPr="00B86E52" w:rsidR="005E0F13" w:rsidRDefault="005E0F13" w14:paraId="79FFF24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L</w:t>
            </w:r>
          </w:p>
        </w:tc>
        <w:tc>
          <w:tcPr>
            <w:tcW w:w="4910" w:type="dxa"/>
          </w:tcPr>
          <w:p w:rsidRPr="00B86E52" w:rsidR="005E0F13" w:rsidRDefault="005E0F13" w14:paraId="27821986" w14:textId="366D0C3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Queen Margaret University </w:t>
            </w:r>
          </w:p>
        </w:tc>
      </w:tr>
      <w:tr w:rsidRPr="00B86E52" w:rsidR="005E0F13" w:rsidTr="00CF35D5" w14:paraId="605F3EA0" w14:textId="77777777">
        <w:tc>
          <w:tcPr>
            <w:tcW w:w="3005" w:type="dxa"/>
          </w:tcPr>
          <w:p w:rsidRPr="00B86E52" w:rsidR="005E0F13" w:rsidRDefault="005E0F13" w14:paraId="0F81F3F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harlotte Bonner</w:t>
            </w:r>
          </w:p>
        </w:tc>
        <w:tc>
          <w:tcPr>
            <w:tcW w:w="1101" w:type="dxa"/>
          </w:tcPr>
          <w:p w:rsidRPr="00B86E52" w:rsidR="005E0F13" w:rsidRDefault="005E0F13" w14:paraId="0778D9CB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B</w:t>
            </w:r>
          </w:p>
        </w:tc>
        <w:tc>
          <w:tcPr>
            <w:tcW w:w="4910" w:type="dxa"/>
          </w:tcPr>
          <w:p w:rsidRPr="00B86E52" w:rsidR="005E0F13" w:rsidRDefault="005E0F13" w14:paraId="424807C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he EAUC</w:t>
            </w:r>
          </w:p>
        </w:tc>
      </w:tr>
      <w:tr w:rsidRPr="00B86E52" w:rsidR="005E0F13" w:rsidTr="00CF35D5" w14:paraId="5953205B" w14:textId="77777777">
        <w:tc>
          <w:tcPr>
            <w:tcW w:w="3005" w:type="dxa"/>
          </w:tcPr>
          <w:p w:rsidRPr="00B86E52" w:rsidR="005E0F13" w:rsidRDefault="005E0F13" w14:paraId="40F2581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hristine Calder</w:t>
            </w:r>
          </w:p>
        </w:tc>
        <w:tc>
          <w:tcPr>
            <w:tcW w:w="1101" w:type="dxa"/>
          </w:tcPr>
          <w:p w:rsidRPr="00B86E52" w:rsidR="005E0F13" w:rsidRDefault="005E0F13" w14:paraId="2C2A4DA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C</w:t>
            </w:r>
          </w:p>
        </w:tc>
        <w:tc>
          <w:tcPr>
            <w:tcW w:w="4910" w:type="dxa"/>
          </w:tcPr>
          <w:p w:rsidRPr="00B86E52" w:rsidR="005E0F13" w:rsidRDefault="005E0F13" w14:paraId="6DF1338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undee and Angus College</w:t>
            </w:r>
          </w:p>
        </w:tc>
      </w:tr>
      <w:tr w:rsidRPr="00B86E52" w:rsidR="005E0F13" w:rsidTr="00CF35D5" w14:paraId="30D934CB" w14:textId="77777777">
        <w:tc>
          <w:tcPr>
            <w:tcW w:w="3005" w:type="dxa"/>
          </w:tcPr>
          <w:p w:rsidRPr="00B86E52" w:rsidR="005E0F13" w:rsidRDefault="005E0F13" w14:paraId="650D1A3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laire McCulloch</w:t>
            </w:r>
          </w:p>
        </w:tc>
        <w:tc>
          <w:tcPr>
            <w:tcW w:w="1101" w:type="dxa"/>
          </w:tcPr>
          <w:p w:rsidRPr="00B86E52" w:rsidR="005E0F13" w:rsidRDefault="005E0F13" w14:paraId="42B2F9E2" w14:textId="53DB6600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CMcC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6729276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SRUC (Scotland’s Rural College)</w:t>
            </w:r>
          </w:p>
        </w:tc>
      </w:tr>
      <w:tr w:rsidRPr="00B86E52" w:rsidR="005E0F13" w:rsidTr="00CF35D5" w14:paraId="6ABA350A" w14:textId="77777777">
        <w:tc>
          <w:tcPr>
            <w:tcW w:w="3005" w:type="dxa"/>
          </w:tcPr>
          <w:p w:rsidRPr="00B86E52" w:rsidR="005E0F13" w:rsidRDefault="005E0F13" w14:paraId="17CB273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laire Mitchell</w:t>
            </w:r>
          </w:p>
        </w:tc>
        <w:tc>
          <w:tcPr>
            <w:tcW w:w="1101" w:type="dxa"/>
          </w:tcPr>
          <w:p w:rsidRPr="00B86E52" w:rsidR="005E0F13" w:rsidRDefault="005E0F13" w14:paraId="67AB354D" w14:textId="22E4F6E7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CMi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2E28B52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he EAUC</w:t>
            </w:r>
          </w:p>
        </w:tc>
      </w:tr>
      <w:tr w:rsidRPr="00B86E52" w:rsidR="005E0F13" w:rsidTr="00CF35D5" w14:paraId="6E7A432B" w14:textId="77777777">
        <w:tc>
          <w:tcPr>
            <w:tcW w:w="3005" w:type="dxa"/>
          </w:tcPr>
          <w:p w:rsidRPr="00B86E52" w:rsidR="005E0F13" w:rsidRDefault="005E0F13" w14:paraId="0491B05B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Colin </w:t>
            </w:r>
            <w:proofErr w:type="spellStart"/>
            <w:r w:rsidRPr="00B86E52">
              <w:rPr>
                <w:rFonts w:ascii="Tahoma" w:hAnsi="Tahoma" w:cs="Tahoma"/>
              </w:rPr>
              <w:t>Mclaren</w:t>
            </w:r>
            <w:proofErr w:type="spellEnd"/>
          </w:p>
        </w:tc>
        <w:tc>
          <w:tcPr>
            <w:tcW w:w="1101" w:type="dxa"/>
          </w:tcPr>
          <w:p w:rsidRPr="00B86E52" w:rsidR="005E0F13" w:rsidRDefault="005E0F13" w14:paraId="64273FDD" w14:textId="7C6A73B4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CMcl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50C9F2F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dinburgh College</w:t>
            </w:r>
          </w:p>
        </w:tc>
      </w:tr>
      <w:tr w:rsidRPr="00B86E52" w:rsidR="005E0F13" w:rsidTr="00CF35D5" w14:paraId="5234D7C5" w14:textId="77777777">
        <w:tc>
          <w:tcPr>
            <w:tcW w:w="3005" w:type="dxa"/>
          </w:tcPr>
          <w:p w:rsidRPr="00B86E52" w:rsidR="005E0F13" w:rsidRDefault="005E0F13" w14:paraId="636FC23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raig Anderson</w:t>
            </w:r>
          </w:p>
        </w:tc>
        <w:tc>
          <w:tcPr>
            <w:tcW w:w="1101" w:type="dxa"/>
          </w:tcPr>
          <w:p w:rsidRPr="00B86E52" w:rsidR="005E0F13" w:rsidRDefault="005E0F13" w14:paraId="517B23C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CA</w:t>
            </w:r>
          </w:p>
        </w:tc>
        <w:tc>
          <w:tcPr>
            <w:tcW w:w="4910" w:type="dxa"/>
          </w:tcPr>
          <w:p w:rsidRPr="00B86E52" w:rsidR="005E0F13" w:rsidRDefault="005E0F13" w14:paraId="7C187B0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Stirling</w:t>
            </w:r>
          </w:p>
        </w:tc>
      </w:tr>
      <w:tr w:rsidRPr="00B86E52" w:rsidR="005E0F13" w:rsidTr="00CF35D5" w14:paraId="669262D6" w14:textId="77777777">
        <w:tc>
          <w:tcPr>
            <w:tcW w:w="3005" w:type="dxa"/>
          </w:tcPr>
          <w:p w:rsidRPr="00B86E52" w:rsidR="005E0F13" w:rsidRDefault="005E0F13" w14:paraId="50466FC4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avid Charles</w:t>
            </w:r>
          </w:p>
        </w:tc>
        <w:tc>
          <w:tcPr>
            <w:tcW w:w="1101" w:type="dxa"/>
          </w:tcPr>
          <w:p w:rsidRPr="00B86E52" w:rsidR="005E0F13" w:rsidRDefault="005E0F13" w14:paraId="393A8BD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C</w:t>
            </w:r>
          </w:p>
        </w:tc>
        <w:tc>
          <w:tcPr>
            <w:tcW w:w="4910" w:type="dxa"/>
          </w:tcPr>
          <w:p w:rsidRPr="00B86E52" w:rsidR="005E0F13" w:rsidRDefault="005E0F13" w14:paraId="1612B40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Strathclyde</w:t>
            </w:r>
          </w:p>
        </w:tc>
      </w:tr>
      <w:tr w:rsidRPr="00B86E52" w:rsidR="005E0F13" w:rsidTr="00CF35D5" w14:paraId="68CC64DB" w14:textId="77777777">
        <w:tc>
          <w:tcPr>
            <w:tcW w:w="3005" w:type="dxa"/>
          </w:tcPr>
          <w:p w:rsidRPr="00B86E52" w:rsidR="005E0F13" w:rsidRDefault="005E0F13" w14:paraId="18E69F3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Fiona Craig</w:t>
            </w:r>
          </w:p>
        </w:tc>
        <w:tc>
          <w:tcPr>
            <w:tcW w:w="1101" w:type="dxa"/>
          </w:tcPr>
          <w:p w:rsidRPr="00B86E52" w:rsidR="005E0F13" w:rsidRDefault="005E0F13" w14:paraId="62768A9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FC</w:t>
            </w:r>
          </w:p>
        </w:tc>
        <w:tc>
          <w:tcPr>
            <w:tcW w:w="4910" w:type="dxa"/>
          </w:tcPr>
          <w:p w:rsidRPr="00B86E52" w:rsidR="005E0F13" w:rsidRDefault="005E0F13" w14:paraId="78AEE67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Scottish Qualifications Authority</w:t>
            </w:r>
          </w:p>
        </w:tc>
      </w:tr>
      <w:tr w:rsidRPr="00B86E52" w:rsidR="005E0F13" w:rsidTr="00CF35D5" w14:paraId="7D1BC1BB" w14:textId="77777777">
        <w:tc>
          <w:tcPr>
            <w:tcW w:w="3005" w:type="dxa"/>
          </w:tcPr>
          <w:p w:rsidRPr="00B86E52" w:rsidR="005E0F13" w:rsidRDefault="005E0F13" w14:paraId="044608B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Fraser Lovie</w:t>
            </w:r>
          </w:p>
        </w:tc>
        <w:tc>
          <w:tcPr>
            <w:tcW w:w="1101" w:type="dxa"/>
          </w:tcPr>
          <w:p w:rsidRPr="00B86E52" w:rsidR="005E0F13" w:rsidRDefault="005E0F13" w14:paraId="0DC82DB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FL</w:t>
            </w:r>
          </w:p>
        </w:tc>
        <w:tc>
          <w:tcPr>
            <w:tcW w:w="4910" w:type="dxa"/>
          </w:tcPr>
          <w:p w:rsidRPr="00B86E52" w:rsidR="005E0F13" w:rsidRDefault="005E0F13" w14:paraId="538DAC6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Aberdeen</w:t>
            </w:r>
          </w:p>
        </w:tc>
      </w:tr>
      <w:tr w:rsidRPr="00B86E52" w:rsidR="005E0F13" w:rsidTr="00CF35D5" w14:paraId="205CC721" w14:textId="77777777">
        <w:tc>
          <w:tcPr>
            <w:tcW w:w="3005" w:type="dxa"/>
          </w:tcPr>
          <w:p w:rsidRPr="00B86E52" w:rsidR="005E0F13" w:rsidRDefault="005E0F13" w14:paraId="2CE42CB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Gilbert Valentine</w:t>
            </w:r>
          </w:p>
        </w:tc>
        <w:tc>
          <w:tcPr>
            <w:tcW w:w="1101" w:type="dxa"/>
          </w:tcPr>
          <w:p w:rsidRPr="00B86E52" w:rsidR="005E0F13" w:rsidRDefault="005E0F13" w14:paraId="4894B6E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GV</w:t>
            </w:r>
          </w:p>
        </w:tc>
        <w:tc>
          <w:tcPr>
            <w:tcW w:w="4910" w:type="dxa"/>
          </w:tcPr>
          <w:p w:rsidRPr="00B86E52" w:rsidR="005E0F13" w:rsidRDefault="005E0F13" w14:paraId="0C39CC3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The </w:t>
            </w:r>
            <w:proofErr w:type="spellStart"/>
            <w:r w:rsidRPr="00B86E52">
              <w:rPr>
                <w:rFonts w:ascii="Tahoma" w:hAnsi="Tahoma" w:cs="Tahoma"/>
              </w:rPr>
              <w:t>Gannochy</w:t>
            </w:r>
            <w:proofErr w:type="spellEnd"/>
            <w:r w:rsidRPr="00B86E52">
              <w:rPr>
                <w:rFonts w:ascii="Tahoma" w:hAnsi="Tahoma" w:cs="Tahoma"/>
              </w:rPr>
              <w:t xml:space="preserve"> Trust</w:t>
            </w:r>
          </w:p>
        </w:tc>
      </w:tr>
      <w:tr w:rsidRPr="00B86E52" w:rsidR="005E0F13" w:rsidTr="00CF35D5" w14:paraId="1EEA12BE" w14:textId="77777777">
        <w:tc>
          <w:tcPr>
            <w:tcW w:w="3005" w:type="dxa"/>
          </w:tcPr>
          <w:p w:rsidRPr="00B86E52" w:rsidR="005E0F13" w:rsidRDefault="005E0F13" w14:paraId="225012B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Gillian Forshaw</w:t>
            </w:r>
          </w:p>
        </w:tc>
        <w:tc>
          <w:tcPr>
            <w:tcW w:w="1101" w:type="dxa"/>
          </w:tcPr>
          <w:p w:rsidRPr="00B86E52" w:rsidR="005E0F13" w:rsidRDefault="005E0F13" w14:paraId="74EA7BC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GF</w:t>
            </w:r>
          </w:p>
        </w:tc>
        <w:tc>
          <w:tcPr>
            <w:tcW w:w="4910" w:type="dxa"/>
          </w:tcPr>
          <w:p w:rsidRPr="00B86E52" w:rsidR="005E0F13" w:rsidRDefault="005E0F13" w14:paraId="629C3D5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North East College Scotland</w:t>
            </w:r>
          </w:p>
        </w:tc>
      </w:tr>
      <w:tr w:rsidRPr="00B86E52" w:rsidR="005E0F13" w:rsidTr="00CF35D5" w14:paraId="2C7100C4" w14:textId="77777777">
        <w:tc>
          <w:tcPr>
            <w:tcW w:w="3005" w:type="dxa"/>
          </w:tcPr>
          <w:p w:rsidRPr="00B86E52" w:rsidR="005E0F13" w:rsidRDefault="005E0F13" w14:paraId="14DDB83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Hazel Dalgard</w:t>
            </w:r>
          </w:p>
        </w:tc>
        <w:tc>
          <w:tcPr>
            <w:tcW w:w="1101" w:type="dxa"/>
          </w:tcPr>
          <w:p w:rsidRPr="00B86E52" w:rsidR="005E0F13" w:rsidRDefault="005E0F13" w14:paraId="18F13B3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HD</w:t>
            </w:r>
          </w:p>
        </w:tc>
        <w:tc>
          <w:tcPr>
            <w:tcW w:w="4910" w:type="dxa"/>
          </w:tcPr>
          <w:p w:rsidRPr="00B86E52" w:rsidR="005E0F13" w:rsidRDefault="005E0F13" w14:paraId="7978DADB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Scottish Funding Council</w:t>
            </w:r>
          </w:p>
        </w:tc>
      </w:tr>
      <w:tr w:rsidRPr="00B86E52" w:rsidR="005E0F13" w:rsidTr="00CF35D5" w14:paraId="7D267F56" w14:textId="77777777">
        <w:tc>
          <w:tcPr>
            <w:tcW w:w="3005" w:type="dxa"/>
          </w:tcPr>
          <w:p w:rsidRPr="00B86E52" w:rsidR="005E0F13" w:rsidRDefault="005E0F13" w14:paraId="063726C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Jackie Beresford</w:t>
            </w:r>
          </w:p>
        </w:tc>
        <w:tc>
          <w:tcPr>
            <w:tcW w:w="1101" w:type="dxa"/>
          </w:tcPr>
          <w:p w:rsidRPr="00B86E52" w:rsidR="005E0F13" w:rsidRDefault="005E0F13" w14:paraId="0CD6CC3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JB</w:t>
            </w:r>
          </w:p>
        </w:tc>
        <w:tc>
          <w:tcPr>
            <w:tcW w:w="4910" w:type="dxa"/>
          </w:tcPr>
          <w:p w:rsidRPr="00B86E52" w:rsidR="005E0F13" w:rsidRDefault="005E0F13" w14:paraId="2765883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Dundee and Angus College</w:t>
            </w:r>
          </w:p>
        </w:tc>
      </w:tr>
      <w:tr w:rsidRPr="00B86E52" w:rsidR="005E0F13" w:rsidTr="00CF35D5" w14:paraId="12E7D8F7" w14:textId="77777777">
        <w:tc>
          <w:tcPr>
            <w:tcW w:w="3005" w:type="dxa"/>
          </w:tcPr>
          <w:p w:rsidRPr="00B86E52" w:rsidR="005E0F13" w:rsidRDefault="005E0F13" w14:paraId="48F007A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John Walker</w:t>
            </w:r>
          </w:p>
        </w:tc>
        <w:tc>
          <w:tcPr>
            <w:tcW w:w="1101" w:type="dxa"/>
          </w:tcPr>
          <w:p w:rsidRPr="00B86E52" w:rsidR="005E0F13" w:rsidRDefault="005E0F13" w14:paraId="3B62131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JW</w:t>
            </w:r>
          </w:p>
        </w:tc>
        <w:tc>
          <w:tcPr>
            <w:tcW w:w="4910" w:type="dxa"/>
          </w:tcPr>
          <w:p w:rsidRPr="00B86E52" w:rsidR="005E0F13" w:rsidRDefault="005E0F13" w14:paraId="3C83448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Queen Margaret University</w:t>
            </w:r>
          </w:p>
        </w:tc>
      </w:tr>
      <w:tr w:rsidRPr="00B86E52" w:rsidR="005E0F13" w:rsidTr="00CF35D5" w14:paraId="0EAD71AF" w14:textId="77777777">
        <w:tc>
          <w:tcPr>
            <w:tcW w:w="3005" w:type="dxa"/>
          </w:tcPr>
          <w:p w:rsidRPr="00B86E52" w:rsidR="005E0F13" w:rsidRDefault="005E0F13" w14:paraId="637B35D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Kathrin Mobius</w:t>
            </w:r>
          </w:p>
        </w:tc>
        <w:tc>
          <w:tcPr>
            <w:tcW w:w="1101" w:type="dxa"/>
          </w:tcPr>
          <w:p w:rsidRPr="00B86E52" w:rsidR="005E0F13" w:rsidRDefault="005E0F13" w14:paraId="08CEAA6B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KM</w:t>
            </w:r>
          </w:p>
        </w:tc>
        <w:tc>
          <w:tcPr>
            <w:tcW w:w="4910" w:type="dxa"/>
          </w:tcPr>
          <w:p w:rsidRPr="00B86E52" w:rsidR="005E0F13" w:rsidRDefault="005E0F13" w14:paraId="7B6C8EC1" w14:textId="791265F2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00CF35D5" w14:paraId="39DBD61D" w14:textId="77777777">
        <w:tc>
          <w:tcPr>
            <w:tcW w:w="3005" w:type="dxa"/>
          </w:tcPr>
          <w:p w:rsidRPr="00B86E52" w:rsidR="005E0F13" w:rsidRDefault="005E0F13" w14:paraId="2EEF0BE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Kirsten Leask</w:t>
            </w:r>
          </w:p>
        </w:tc>
        <w:tc>
          <w:tcPr>
            <w:tcW w:w="1101" w:type="dxa"/>
          </w:tcPr>
          <w:p w:rsidRPr="00B86E52" w:rsidR="005E0F13" w:rsidRDefault="005E0F13" w14:paraId="23A7B79E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KL</w:t>
            </w:r>
          </w:p>
        </w:tc>
        <w:tc>
          <w:tcPr>
            <w:tcW w:w="4910" w:type="dxa"/>
          </w:tcPr>
          <w:p w:rsidRPr="00B86E52" w:rsidR="005E0F13" w:rsidRDefault="005E0F13" w14:paraId="743BEC0E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Learning for Sustainability Scotland</w:t>
            </w:r>
          </w:p>
        </w:tc>
      </w:tr>
      <w:tr w:rsidRPr="00B86E52" w:rsidR="005E0F13" w:rsidTr="00CF35D5" w14:paraId="5D601793" w14:textId="77777777">
        <w:tc>
          <w:tcPr>
            <w:tcW w:w="3005" w:type="dxa"/>
          </w:tcPr>
          <w:p w:rsidRPr="00B86E52" w:rsidR="005E0F13" w:rsidRDefault="005E0F13" w14:paraId="41B1E848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Lindsay Wilson</w:t>
            </w:r>
          </w:p>
        </w:tc>
        <w:tc>
          <w:tcPr>
            <w:tcW w:w="1101" w:type="dxa"/>
          </w:tcPr>
          <w:p w:rsidRPr="00B86E52" w:rsidR="005E0F13" w:rsidRDefault="005E0F13" w14:paraId="6128F28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LW</w:t>
            </w:r>
          </w:p>
        </w:tc>
        <w:tc>
          <w:tcPr>
            <w:tcW w:w="4910" w:type="dxa"/>
          </w:tcPr>
          <w:p w:rsidRPr="00B86E52" w:rsidR="005E0F13" w:rsidRDefault="005E0F13" w14:paraId="7AEC7C0E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Heriot-Watt University</w:t>
            </w:r>
          </w:p>
        </w:tc>
      </w:tr>
      <w:tr w:rsidRPr="00B86E52" w:rsidR="005E0F13" w:rsidTr="00CF35D5" w14:paraId="0C199197" w14:textId="77777777">
        <w:tc>
          <w:tcPr>
            <w:tcW w:w="3005" w:type="dxa"/>
          </w:tcPr>
          <w:p w:rsidRPr="00B86E52" w:rsidR="005E0F13" w:rsidRDefault="005E0F13" w14:paraId="4A755139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Lucy Patterson</w:t>
            </w:r>
          </w:p>
        </w:tc>
        <w:tc>
          <w:tcPr>
            <w:tcW w:w="1101" w:type="dxa"/>
          </w:tcPr>
          <w:p w:rsidRPr="00B86E52" w:rsidR="005E0F13" w:rsidRDefault="005E0F13" w14:paraId="11B9C3FD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LP</w:t>
            </w:r>
          </w:p>
        </w:tc>
        <w:tc>
          <w:tcPr>
            <w:tcW w:w="4910" w:type="dxa"/>
          </w:tcPr>
          <w:p w:rsidRPr="00B86E52" w:rsidR="005E0F13" w:rsidRDefault="005E0F13" w14:paraId="1EA070F1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Edinburgh</w:t>
            </w:r>
          </w:p>
        </w:tc>
      </w:tr>
      <w:tr w:rsidRPr="00B86E52" w:rsidR="005E0F13" w:rsidTr="00CF35D5" w14:paraId="494A62F6" w14:textId="77777777">
        <w:tc>
          <w:tcPr>
            <w:tcW w:w="3005" w:type="dxa"/>
          </w:tcPr>
          <w:p w:rsidRPr="00B86E52" w:rsidR="005E0F13" w:rsidRDefault="005E0F13" w14:paraId="4BF2FEA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Martin Webb</w:t>
            </w:r>
          </w:p>
        </w:tc>
        <w:tc>
          <w:tcPr>
            <w:tcW w:w="1101" w:type="dxa"/>
          </w:tcPr>
          <w:p w:rsidRPr="00B86E52" w:rsidR="005E0F13" w:rsidRDefault="005E0F13" w14:paraId="441F7035" w14:textId="70E7AD83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MW</w:t>
            </w:r>
            <w:r w:rsidRPr="00B86E52" w:rsidR="0009192D">
              <w:rPr>
                <w:rFonts w:ascii="Tahoma" w:hAnsi="Tahoma" w:cs="Tahoma"/>
              </w:rPr>
              <w:t>e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0520758D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dinburgh College</w:t>
            </w:r>
          </w:p>
        </w:tc>
      </w:tr>
      <w:tr w:rsidRPr="00B86E52" w:rsidR="005E0F13" w:rsidTr="00CF35D5" w14:paraId="4B943339" w14:textId="77777777">
        <w:tc>
          <w:tcPr>
            <w:tcW w:w="3005" w:type="dxa"/>
          </w:tcPr>
          <w:p w:rsidRPr="00B86E52" w:rsidR="005E0F13" w:rsidRDefault="005E0F13" w14:paraId="45C34EC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Matthew </w:t>
            </w:r>
            <w:proofErr w:type="spellStart"/>
            <w:r w:rsidRPr="00B86E52">
              <w:rPr>
                <w:rFonts w:ascii="Tahoma" w:hAnsi="Tahoma" w:cs="Tahoma"/>
              </w:rPr>
              <w:t>Woodthorpe</w:t>
            </w:r>
            <w:proofErr w:type="spellEnd"/>
          </w:p>
        </w:tc>
        <w:tc>
          <w:tcPr>
            <w:tcW w:w="1101" w:type="dxa"/>
          </w:tcPr>
          <w:p w:rsidRPr="00B86E52" w:rsidR="005E0F13" w:rsidRDefault="005E0F13" w14:paraId="70B33410" w14:textId="02F878EC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MW</w:t>
            </w:r>
            <w:r w:rsidRPr="00B86E52" w:rsidR="0009192D">
              <w:rPr>
                <w:rFonts w:ascii="Tahoma" w:hAnsi="Tahoma" w:cs="Tahoma"/>
              </w:rPr>
              <w:t>o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25E133FD" w14:textId="55FE011A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00CF35D5" w14:paraId="15306BBC" w14:textId="77777777">
        <w:tc>
          <w:tcPr>
            <w:tcW w:w="3005" w:type="dxa"/>
          </w:tcPr>
          <w:p w:rsidRPr="00B86E52" w:rsidR="005E0F13" w:rsidRDefault="005E0F13" w14:paraId="0F7DE209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Paul Mack</w:t>
            </w:r>
          </w:p>
        </w:tc>
        <w:tc>
          <w:tcPr>
            <w:tcW w:w="1101" w:type="dxa"/>
          </w:tcPr>
          <w:p w:rsidRPr="00B86E52" w:rsidR="005E0F13" w:rsidRDefault="005E0F13" w14:paraId="6B551BF4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PM</w:t>
            </w:r>
          </w:p>
        </w:tc>
        <w:tc>
          <w:tcPr>
            <w:tcW w:w="4910" w:type="dxa"/>
          </w:tcPr>
          <w:p w:rsidRPr="00B86E52" w:rsidR="005E0F13" w:rsidRDefault="005E0F13" w14:paraId="3B1E51A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obert Gordon University</w:t>
            </w:r>
          </w:p>
        </w:tc>
      </w:tr>
      <w:tr w:rsidRPr="00B86E52" w:rsidR="005E0F13" w:rsidTr="00CF35D5" w14:paraId="7D727943" w14:textId="77777777">
        <w:tc>
          <w:tcPr>
            <w:tcW w:w="3005" w:type="dxa"/>
          </w:tcPr>
          <w:p w:rsidRPr="00B86E52" w:rsidR="005E0F13" w:rsidRDefault="005E0F13" w14:paraId="7DA1D7D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Pauline Donaldson</w:t>
            </w:r>
          </w:p>
        </w:tc>
        <w:tc>
          <w:tcPr>
            <w:tcW w:w="1101" w:type="dxa"/>
          </w:tcPr>
          <w:p w:rsidRPr="00B86E52" w:rsidR="005E0F13" w:rsidRDefault="005E0F13" w14:paraId="44E3784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PD</w:t>
            </w:r>
          </w:p>
        </w:tc>
        <w:tc>
          <w:tcPr>
            <w:tcW w:w="4910" w:type="dxa"/>
          </w:tcPr>
          <w:p w:rsidRPr="00B86E52" w:rsidR="005E0F13" w:rsidRDefault="005E0F13" w14:paraId="658A15C8" w14:textId="77777777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Forth</w:t>
            </w:r>
            <w:proofErr w:type="spellEnd"/>
            <w:r w:rsidRPr="00B86E52">
              <w:rPr>
                <w:rFonts w:ascii="Tahoma" w:hAnsi="Tahoma" w:cs="Tahoma"/>
              </w:rPr>
              <w:t xml:space="preserve"> Valley College</w:t>
            </w:r>
          </w:p>
        </w:tc>
      </w:tr>
      <w:tr w:rsidRPr="00B86E52" w:rsidR="005E0F13" w:rsidTr="00CF35D5" w14:paraId="1B43E3B0" w14:textId="77777777">
        <w:tc>
          <w:tcPr>
            <w:tcW w:w="3005" w:type="dxa"/>
          </w:tcPr>
          <w:p w:rsidRPr="00B86E52" w:rsidR="005E0F13" w:rsidRDefault="005E0F13" w14:paraId="2BA2F6D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obert Hewitt</w:t>
            </w:r>
          </w:p>
        </w:tc>
        <w:tc>
          <w:tcPr>
            <w:tcW w:w="1101" w:type="dxa"/>
          </w:tcPr>
          <w:p w:rsidRPr="00B86E52" w:rsidR="005E0F13" w:rsidRDefault="005E0F13" w14:paraId="25E4D83F" w14:textId="1143B2CE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RH</w:t>
            </w:r>
            <w:r w:rsidRPr="00B86E52" w:rsidR="0009192D">
              <w:rPr>
                <w:rFonts w:ascii="Tahoma" w:hAnsi="Tahoma" w:cs="Tahoma"/>
              </w:rPr>
              <w:t>e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5748B490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orders College</w:t>
            </w:r>
          </w:p>
        </w:tc>
      </w:tr>
      <w:tr w:rsidRPr="00B86E52" w:rsidR="005E0F13" w:rsidTr="00CF35D5" w14:paraId="3BA56DE2" w14:textId="77777777">
        <w:tc>
          <w:tcPr>
            <w:tcW w:w="3005" w:type="dxa"/>
          </w:tcPr>
          <w:p w:rsidRPr="00B86E52" w:rsidR="005E0F13" w:rsidRDefault="005E0F13" w14:paraId="1682959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ory Hill</w:t>
            </w:r>
          </w:p>
        </w:tc>
        <w:tc>
          <w:tcPr>
            <w:tcW w:w="1101" w:type="dxa"/>
          </w:tcPr>
          <w:p w:rsidRPr="00B86E52" w:rsidR="005E0F13" w:rsidRDefault="005E0F13" w14:paraId="2AB122E9" w14:textId="6D2F3DBC">
            <w:pPr>
              <w:rPr>
                <w:rFonts w:ascii="Tahoma" w:hAnsi="Tahoma" w:cs="Tahoma"/>
              </w:rPr>
            </w:pPr>
            <w:proofErr w:type="spellStart"/>
            <w:r w:rsidRPr="00B86E52">
              <w:rPr>
                <w:rFonts w:ascii="Tahoma" w:hAnsi="Tahoma" w:cs="Tahoma"/>
              </w:rPr>
              <w:t>RH</w:t>
            </w:r>
            <w:r w:rsidRPr="00B86E52" w:rsidR="0009192D">
              <w:rPr>
                <w:rFonts w:ascii="Tahoma" w:hAnsi="Tahoma" w:cs="Tahoma"/>
              </w:rPr>
              <w:t>i</w:t>
            </w:r>
            <w:proofErr w:type="spellEnd"/>
          </w:p>
        </w:tc>
        <w:tc>
          <w:tcPr>
            <w:tcW w:w="4910" w:type="dxa"/>
          </w:tcPr>
          <w:p w:rsidRPr="00B86E52" w:rsidR="005E0F13" w:rsidRDefault="005E0F13" w14:paraId="68951DCF" w14:textId="4B2E105A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EAUC</w:t>
            </w:r>
            <w:r w:rsidRPr="00B86E52" w:rsidR="006A6C97">
              <w:rPr>
                <w:rFonts w:ascii="Tahoma" w:hAnsi="Tahoma" w:cs="Tahoma"/>
              </w:rPr>
              <w:t xml:space="preserve"> </w:t>
            </w:r>
            <w:r w:rsidRPr="00B86E52">
              <w:rPr>
                <w:rFonts w:ascii="Tahoma" w:hAnsi="Tahoma" w:cs="Tahoma"/>
              </w:rPr>
              <w:t>Scotland</w:t>
            </w:r>
          </w:p>
        </w:tc>
      </w:tr>
      <w:tr w:rsidRPr="00B86E52" w:rsidR="005E0F13" w:rsidTr="00CF35D5" w14:paraId="5A7BE3A4" w14:textId="77777777">
        <w:tc>
          <w:tcPr>
            <w:tcW w:w="3005" w:type="dxa"/>
          </w:tcPr>
          <w:p w:rsidRPr="00B86E52" w:rsidR="005E0F13" w:rsidRDefault="005E0F13" w14:paraId="54754F37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ose Lyne</w:t>
            </w:r>
          </w:p>
        </w:tc>
        <w:tc>
          <w:tcPr>
            <w:tcW w:w="1101" w:type="dxa"/>
          </w:tcPr>
          <w:p w:rsidRPr="00B86E52" w:rsidR="005E0F13" w:rsidRDefault="005E0F13" w14:paraId="336CE23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RL</w:t>
            </w:r>
          </w:p>
        </w:tc>
        <w:tc>
          <w:tcPr>
            <w:tcW w:w="4910" w:type="dxa"/>
          </w:tcPr>
          <w:p w:rsidRPr="00B86E52" w:rsidR="005E0F13" w:rsidRDefault="005E0F13" w14:paraId="732E839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Aberdeen</w:t>
            </w:r>
          </w:p>
        </w:tc>
      </w:tr>
      <w:tr w:rsidRPr="00B86E52" w:rsidR="005E0F13" w:rsidTr="00CF35D5" w14:paraId="51EDF725" w14:textId="77777777">
        <w:tc>
          <w:tcPr>
            <w:tcW w:w="3005" w:type="dxa"/>
          </w:tcPr>
          <w:p w:rsidRPr="00B86E52" w:rsidR="005E0F13" w:rsidRDefault="005E0F13" w14:paraId="5DD9010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Stewart Miller</w:t>
            </w:r>
          </w:p>
        </w:tc>
        <w:tc>
          <w:tcPr>
            <w:tcW w:w="1101" w:type="dxa"/>
          </w:tcPr>
          <w:p w:rsidRPr="00B86E52" w:rsidR="005E0F13" w:rsidRDefault="005E0F13" w14:paraId="6909BD2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SM</w:t>
            </w:r>
          </w:p>
        </w:tc>
        <w:tc>
          <w:tcPr>
            <w:tcW w:w="4910" w:type="dxa"/>
          </w:tcPr>
          <w:p w:rsidRPr="00B86E52" w:rsidR="005E0F13" w:rsidRDefault="005E0F13" w14:paraId="35A9E61F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Glasgow</w:t>
            </w:r>
          </w:p>
        </w:tc>
      </w:tr>
      <w:tr w:rsidRPr="00B86E52" w:rsidR="005E0F13" w:rsidTr="00CF35D5" w14:paraId="551BF7E2" w14:textId="77777777">
        <w:tc>
          <w:tcPr>
            <w:tcW w:w="3005" w:type="dxa"/>
          </w:tcPr>
          <w:p w:rsidRPr="00B86E52" w:rsidR="005E0F13" w:rsidRDefault="005E0F13" w14:paraId="312F360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hea Bailey</w:t>
            </w:r>
          </w:p>
        </w:tc>
        <w:tc>
          <w:tcPr>
            <w:tcW w:w="1101" w:type="dxa"/>
          </w:tcPr>
          <w:p w:rsidRPr="00B86E52" w:rsidR="005E0F13" w:rsidRDefault="005E0F13" w14:paraId="7B37D652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B</w:t>
            </w:r>
          </w:p>
        </w:tc>
        <w:tc>
          <w:tcPr>
            <w:tcW w:w="4910" w:type="dxa"/>
          </w:tcPr>
          <w:p w:rsidRPr="00B86E52" w:rsidR="005E0F13" w:rsidRDefault="005E0F13" w14:paraId="282601B3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Edinburgh</w:t>
            </w:r>
          </w:p>
        </w:tc>
      </w:tr>
      <w:tr w:rsidRPr="00B86E52" w:rsidR="005E0F13" w:rsidTr="00CF35D5" w14:paraId="2826C662" w14:textId="77777777">
        <w:tc>
          <w:tcPr>
            <w:tcW w:w="3005" w:type="dxa"/>
          </w:tcPr>
          <w:p w:rsidRPr="00B86E52" w:rsidR="005E0F13" w:rsidRDefault="005E0F13" w14:paraId="2D017A5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rudy Cunningham</w:t>
            </w:r>
          </w:p>
        </w:tc>
        <w:tc>
          <w:tcPr>
            <w:tcW w:w="1101" w:type="dxa"/>
          </w:tcPr>
          <w:p w:rsidRPr="00B86E52" w:rsidR="005E0F13" w:rsidRDefault="005E0F13" w14:paraId="2CBFEC6C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TC</w:t>
            </w:r>
          </w:p>
        </w:tc>
        <w:tc>
          <w:tcPr>
            <w:tcW w:w="4910" w:type="dxa"/>
          </w:tcPr>
          <w:p w:rsidRPr="00B86E52" w:rsidR="005E0F13" w:rsidRDefault="005E0F13" w14:paraId="59DDAC45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University of Dundee</w:t>
            </w:r>
          </w:p>
        </w:tc>
      </w:tr>
      <w:tr w:rsidRPr="00B86E52" w:rsidR="005E0F13" w:rsidTr="00CF35D5" w14:paraId="1619B970" w14:textId="77777777">
        <w:tc>
          <w:tcPr>
            <w:tcW w:w="3005" w:type="dxa"/>
          </w:tcPr>
          <w:p w:rsidRPr="00B86E52" w:rsidR="005E0F13" w:rsidRDefault="005E0F13" w14:paraId="729565FB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Victoria Tierney</w:t>
            </w:r>
          </w:p>
        </w:tc>
        <w:tc>
          <w:tcPr>
            <w:tcW w:w="1101" w:type="dxa"/>
          </w:tcPr>
          <w:p w:rsidRPr="00B86E52" w:rsidR="005E0F13" w:rsidRDefault="005E0F13" w14:paraId="687639DA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VT</w:t>
            </w:r>
          </w:p>
        </w:tc>
        <w:tc>
          <w:tcPr>
            <w:tcW w:w="4910" w:type="dxa"/>
          </w:tcPr>
          <w:p w:rsidRPr="00B86E52" w:rsidR="005E0F13" w:rsidRDefault="005E0F13" w14:paraId="1A966126" w14:textId="77777777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West Lothian College</w:t>
            </w:r>
          </w:p>
        </w:tc>
      </w:tr>
      <w:tr w:rsidRPr="00B86E52" w:rsidR="00CF35D5" w:rsidTr="00CF35D5" w14:paraId="72C63307" w14:textId="77777777">
        <w:tc>
          <w:tcPr>
            <w:tcW w:w="9016" w:type="dxa"/>
            <w:gridSpan w:val="3"/>
          </w:tcPr>
          <w:p w:rsidRPr="00B86E52" w:rsidR="005E0F13" w:rsidRDefault="005E0F13" w14:paraId="40F15C8B" w14:textId="77777777">
            <w:pPr>
              <w:rPr>
                <w:rFonts w:ascii="Tahoma" w:hAnsi="Tahoma" w:cs="Tahoma"/>
                <w:b/>
              </w:rPr>
            </w:pPr>
          </w:p>
          <w:p w:rsidRPr="00B86E52" w:rsidR="00CF35D5" w:rsidRDefault="00CF35D5" w14:paraId="06AB4016" w14:textId="107A5A92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  <w:b/>
              </w:rPr>
              <w:t>Apologies:</w:t>
            </w:r>
          </w:p>
        </w:tc>
      </w:tr>
      <w:tr w:rsidRPr="00B86E52" w:rsidR="00CF638F" w:rsidTr="00CF35D5" w14:paraId="5F77DFCC" w14:textId="77777777">
        <w:tc>
          <w:tcPr>
            <w:tcW w:w="3005" w:type="dxa"/>
          </w:tcPr>
          <w:p w:rsidRPr="00B86E52" w:rsidR="00CF638F" w:rsidRDefault="00CF638F" w14:paraId="030C6A14" w14:textId="43B0390D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>Betsy King</w:t>
            </w:r>
          </w:p>
        </w:tc>
        <w:tc>
          <w:tcPr>
            <w:tcW w:w="1101" w:type="dxa"/>
          </w:tcPr>
          <w:p w:rsidRPr="00B86E52" w:rsidR="00CF638F" w:rsidRDefault="00CF638F" w14:paraId="0E4E460E" w14:textId="77777777">
            <w:pPr>
              <w:rPr>
                <w:rFonts w:ascii="Tahoma" w:hAnsi="Tahoma" w:cs="Tahoma"/>
              </w:rPr>
            </w:pPr>
          </w:p>
        </w:tc>
        <w:tc>
          <w:tcPr>
            <w:tcW w:w="4910" w:type="dxa"/>
          </w:tcPr>
          <w:p w:rsidRPr="00B86E52" w:rsidR="00CF638F" w:rsidRDefault="00CF638F" w14:paraId="6BE230D2" w14:textId="70EE88F6">
            <w:p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Learning for Sustainability Scotland </w:t>
            </w:r>
          </w:p>
        </w:tc>
      </w:tr>
    </w:tbl>
    <w:p w:rsidRPr="00B86E52" w:rsidR="00C741E7" w:rsidRDefault="00C741E7" w14:paraId="543447AC" w14:textId="77777777">
      <w:pPr>
        <w:rPr>
          <w:rFonts w:ascii="Tahoma" w:hAnsi="Tahoma" w:cs="Tahoma"/>
        </w:rPr>
      </w:pPr>
    </w:p>
    <w:p w:rsidRPr="00B86E52" w:rsidR="00C741E7" w:rsidRDefault="00C741E7" w14:paraId="0FF19EC7" w14:textId="77777777">
      <w:pPr>
        <w:rPr>
          <w:rFonts w:ascii="Tahoma" w:hAnsi="Tahoma" w:cs="Tahoma"/>
        </w:rPr>
      </w:pPr>
    </w:p>
    <w:tbl>
      <w:tblPr>
        <w:tblStyle w:val="TableGrid"/>
        <w:tblW w:w="0" w:type="auto"/>
        <w:tblLayout w:type="fixed"/>
        <w:tblLook w:val="05A0" w:firstRow="1" w:lastRow="0" w:firstColumn="1" w:lastColumn="1" w:noHBand="0" w:noVBand="1"/>
      </w:tblPr>
      <w:tblGrid>
        <w:gridCol w:w="562"/>
        <w:gridCol w:w="6804"/>
        <w:gridCol w:w="1650"/>
      </w:tblGrid>
      <w:tr w:rsidRPr="00B86E52" w:rsidR="00707762" w:rsidTr="38C4279F" w14:paraId="5F72D2B4" w14:textId="77777777">
        <w:tc>
          <w:tcPr>
            <w:tcW w:w="562" w:type="dxa"/>
            <w:tcMar/>
          </w:tcPr>
          <w:p w:rsidRPr="00B86E52" w:rsidR="00C07001" w:rsidP="00E03797" w:rsidRDefault="00C07001" w14:paraId="519B23B4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6804" w:type="dxa"/>
            <w:tcMar/>
          </w:tcPr>
          <w:p w:rsidRPr="00B86E52" w:rsidR="00C07001" w:rsidP="00E03797" w:rsidRDefault="00B86E52" w14:paraId="47B59638" w14:textId="3BEE6EBC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SUMMARY OF DISCUSSIONS</w:t>
            </w:r>
          </w:p>
        </w:tc>
        <w:tc>
          <w:tcPr>
            <w:tcW w:w="1650" w:type="dxa"/>
            <w:tcMar/>
          </w:tcPr>
          <w:p w:rsidRPr="00B86E52" w:rsidR="00C07001" w:rsidP="00E03797" w:rsidRDefault="00B86E52" w14:paraId="1C50B66A" w14:textId="3ABCD2BF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  <w:r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ACTIONS</w:t>
            </w:r>
          </w:p>
        </w:tc>
      </w:tr>
      <w:tr w:rsidRPr="00B86E52" w:rsidR="00707762" w:rsidTr="38C4279F" w14:paraId="586E9F04" w14:textId="77777777">
        <w:tc>
          <w:tcPr>
            <w:tcW w:w="562" w:type="dxa"/>
            <w:tcMar/>
          </w:tcPr>
          <w:p w:rsidRPr="00B86E52" w:rsidR="00C07001" w:rsidP="00E03797" w:rsidRDefault="00C07001" w14:paraId="530A2732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sz w:val="22"/>
                <w:szCs w:val="22"/>
              </w:rPr>
              <w:t>1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478E80E8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Welcome and Introductions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40F412A8" w14:textId="5E23F33D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Christine Calder, Dundee &amp; Angus College and EAUC</w:t>
            </w:r>
            <w:r w:rsidRPr="00B86E52" w:rsidR="0052027D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 xml:space="preserve"> </w:t>
            </w: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Scotland Convenor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6E7C90B8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  <w:p w:rsidRPr="00B86E52" w:rsidR="00C07001" w:rsidP="00E03797" w:rsidRDefault="00425D1F" w14:paraId="3BC8CCF1" w14:textId="078090E5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sz w:val="22"/>
                <w:szCs w:val="22"/>
              </w:rPr>
              <w:t>Christine introduced herself and invited the group to share th</w:t>
            </w:r>
            <w:r w:rsidRPr="00B86E52" w:rsidR="00857233">
              <w:rPr>
                <w:rFonts w:ascii="Tahoma" w:hAnsi="Tahoma" w:cs="Tahoma"/>
                <w:sz w:val="22"/>
                <w:szCs w:val="22"/>
              </w:rPr>
              <w:t xml:space="preserve">e most </w:t>
            </w:r>
            <w:r w:rsidRPr="00B86E52">
              <w:rPr>
                <w:rFonts w:ascii="Tahoma" w:hAnsi="Tahoma" w:cs="Tahoma"/>
                <w:sz w:val="22"/>
                <w:szCs w:val="22"/>
              </w:rPr>
              <w:t xml:space="preserve">hopeful things about Spring. </w:t>
            </w:r>
          </w:p>
          <w:p w:rsidRPr="00B86E52" w:rsidR="00C07001" w:rsidP="00E03797" w:rsidRDefault="00C07001" w14:paraId="216B1B2F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24FEA78D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247EA3B2" w14:textId="77777777">
        <w:tc>
          <w:tcPr>
            <w:tcW w:w="562" w:type="dxa"/>
            <w:tcMar/>
          </w:tcPr>
          <w:p w:rsidRPr="00B86E52" w:rsidR="00C07001" w:rsidP="00E03797" w:rsidRDefault="00C07001" w14:paraId="26D751A5" w14:textId="77777777">
            <w:pPr>
              <w:pStyle w:val="paragraph"/>
              <w:spacing w:before="0" w:beforeAutospacing="0" w:after="0" w:afterAutospacing="0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2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2D63DDB7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b/>
                <w:bCs/>
                <w:sz w:val="22"/>
                <w:szCs w:val="22"/>
              </w:rPr>
              <w:t>Introduction from our new EAUC CEO</w:t>
            </w:r>
          </w:p>
          <w:p w:rsidRPr="00B86E52" w:rsidR="00C07001" w:rsidP="00E03797" w:rsidRDefault="00C07001" w14:paraId="6B3D86DA" w14:textId="4D6076AC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 xml:space="preserve">Charlotte Bonner, </w:t>
            </w:r>
            <w:r w:rsidRPr="00B86E52" w:rsidR="006A6C97">
              <w:rPr>
                <w:rFonts w:ascii="Tahoma" w:hAnsi="Tahoma" w:cs="Tahoma"/>
                <w:i/>
                <w:iCs/>
                <w:sz w:val="22"/>
                <w:szCs w:val="22"/>
              </w:rPr>
              <w:t xml:space="preserve">The </w:t>
            </w:r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>EAUC</w:t>
            </w:r>
          </w:p>
          <w:p w:rsidRPr="00B86E52" w:rsidR="00C07001" w:rsidP="00E03797" w:rsidRDefault="00C07001" w14:paraId="326B3D13" w14:textId="4AD510D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  <w:p w:rsidRPr="00B86E52" w:rsidR="000B096A" w:rsidP="5DB9F122" w:rsidRDefault="000B096A" w14:paraId="6AF2D1BA" w14:textId="564E37FC" w14:noSpellErr="1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  <w:hyperlink r:id="R3bb994a048ea45d0">
              <w:r w:rsidRPr="5DB9F122" w:rsidR="000B096A">
                <w:rPr>
                  <w:rStyle w:val="Hyperlink"/>
                  <w:rFonts w:ascii="Tahoma" w:hAnsi="Tahoma" w:eastAsia="Tahoma" w:cs="Tahoma"/>
                  <w:i w:val="1"/>
                  <w:iCs w:val="1"/>
                  <w:sz w:val="22"/>
                  <w:szCs w:val="22"/>
                </w:rPr>
                <w:t>This presentation can be viewed via the Sustainability Exchange.</w:t>
              </w:r>
            </w:hyperlink>
            <w:r w:rsidRPr="5DB9F122" w:rsidR="000B096A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 xml:space="preserve"> </w:t>
            </w:r>
          </w:p>
          <w:p w:rsidRPr="00B86E52" w:rsidR="000B096A" w:rsidP="00E03797" w:rsidRDefault="000B096A" w14:paraId="3569E12E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  <w:p w:rsidRPr="00B86E52" w:rsidR="005E0F13" w:rsidP="38C4279F" w:rsidRDefault="00425D1F" w14:paraId="5057649C" w14:textId="3FF5C751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CB has long worked alongside the </w:t>
            </w:r>
            <w:r w:rsidRPr="38C4279F" w:rsidR="3840FF28">
              <w:rPr>
                <w:rFonts w:ascii="Tahoma" w:hAnsi="Tahoma" w:cs="Tahoma"/>
                <w:sz w:val="22"/>
                <w:szCs w:val="22"/>
              </w:rPr>
              <w:t>EAUC and</w:t>
            </w: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 is glad to now be part of the team</w:t>
            </w:r>
            <w:r w:rsidRPr="38C4279F" w:rsidR="005E0F13">
              <w:rPr>
                <w:rFonts w:ascii="Tahoma" w:hAnsi="Tahoma" w:cs="Tahoma"/>
                <w:sz w:val="22"/>
                <w:szCs w:val="22"/>
              </w:rPr>
              <w:t xml:space="preserve"> as we approach its 20</w:t>
            </w:r>
            <w:r w:rsidRPr="38C4279F" w:rsidR="005E0F13">
              <w:rPr>
                <w:rFonts w:ascii="Tahoma" w:hAnsi="Tahoma" w:cs="Tahoma"/>
                <w:sz w:val="22"/>
                <w:szCs w:val="22"/>
                <w:vertAlign w:val="superscript"/>
              </w:rPr>
              <w:t>th</w:t>
            </w:r>
            <w:r w:rsidRPr="38C4279F" w:rsidR="005E0F13">
              <w:rPr>
                <w:rFonts w:ascii="Tahoma" w:hAnsi="Tahoma" w:cs="Tahoma"/>
                <w:sz w:val="22"/>
                <w:szCs w:val="22"/>
              </w:rPr>
              <w:t xml:space="preserve"> anniversary.</w:t>
            </w: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38C4279F" w:rsidR="005E0F13">
              <w:rPr>
                <w:rFonts w:ascii="Tahoma" w:hAnsi="Tahoma" w:cs="Tahoma"/>
                <w:sz w:val="22"/>
                <w:szCs w:val="22"/>
              </w:rPr>
              <w:t>She</w:t>
            </w: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 expressed gratitude to the Scotland team for its hard work</w:t>
            </w:r>
            <w:r w:rsidRPr="38C4279F" w:rsidR="005E0F13">
              <w:rPr>
                <w:rFonts w:ascii="Tahoma" w:hAnsi="Tahoma" w:cs="Tahoma"/>
                <w:sz w:val="22"/>
                <w:szCs w:val="22"/>
              </w:rPr>
              <w:t>, noting that</w:t>
            </w: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 EAUC</w:t>
            </w:r>
            <w:r w:rsidRPr="38C4279F" w:rsidR="006A6C97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38C4279F" w:rsidR="00425D1F">
              <w:rPr>
                <w:rFonts w:ascii="Tahoma" w:hAnsi="Tahoma" w:cs="Tahoma"/>
                <w:sz w:val="22"/>
                <w:szCs w:val="22"/>
              </w:rPr>
              <w:t xml:space="preserve">Scotland has often been a trailblazer, demonstrating what is possible across the UK and internationally. </w:t>
            </w:r>
          </w:p>
          <w:p w:rsidRPr="00B86E52" w:rsidR="005E0F13" w:rsidP="00E03797" w:rsidRDefault="005E0F13" w14:paraId="3CF51B59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5E0F13" w:rsidP="00E03797" w:rsidRDefault="005E0F13" w14:paraId="3C349F6E" w14:textId="3405CB1D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B noted</w:t>
            </w:r>
            <w:r w:rsidRPr="00B86E52" w:rsidR="00CF275D">
              <w:rPr>
                <w:rFonts w:ascii="Tahoma" w:hAnsi="Tahoma" w:cs="Tahoma"/>
                <w:iCs/>
                <w:sz w:val="22"/>
                <w:szCs w:val="22"/>
              </w:rPr>
              <w:t xml:space="preserve"> how far we’ve come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 xml:space="preserve"> in developing a holistic understanding of the climate crisis, as well as the role of education providers in solving it. Discussions 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>are no longer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 xml:space="preserve"> framed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>“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>why should we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>”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, rather 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>“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>what can we do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>”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. 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>She observed that w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>orking in sustainability is often hard,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 xml:space="preserve"> noting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stark warnings from IPCC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 xml:space="preserve"> and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business as usual approach from government. </w:t>
            </w:r>
          </w:p>
          <w:p w:rsidRPr="00B86E52" w:rsidR="005E0F13" w:rsidP="00E03797" w:rsidRDefault="005E0F13" w14:paraId="0FFFB852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8B05AF" w:rsidP="00E03797" w:rsidRDefault="008B05AF" w14:paraId="2A6F476A" w14:textId="1E53B6F1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Amidst leadership changes and the Covid-19 pandemic, the 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EAUC has been without a strategic plan for the past few years.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Now is an excellent opportunity to reflect and plan for the future. The output will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be a bold new strategy catalysing change for our sector focu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ing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on helping members reach others within their institution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while c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entring equity, diversity and inclusion.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It will include supporting the sector to develop sustainable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 research practice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, as well as functional pieces including overhauling our w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ebsite. </w:t>
            </w:r>
          </w:p>
          <w:p w:rsidRPr="00B86E52" w:rsidR="008B05AF" w:rsidP="00E03797" w:rsidRDefault="008B05AF" w14:paraId="2A72D08C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8B05AF" w:rsidP="00E03797" w:rsidRDefault="0009192D" w14:paraId="6C4CEA98" w14:textId="4AD9802E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B noted that w</w:t>
            </w:r>
            <w:r w:rsidRPr="00B86E52" w:rsidR="008B05AF">
              <w:rPr>
                <w:rFonts w:ascii="Tahoma" w:hAnsi="Tahoma" w:cs="Tahoma"/>
                <w:iCs/>
                <w:sz w:val="22"/>
                <w:szCs w:val="22"/>
              </w:rPr>
              <w:t xml:space="preserve">e are keen to ensure that EAUC’s offer is comprehensive across the diversity of educational institutions in the UK, and so the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development of the plan will 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>be done in partnership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with members, funders and strategic partners</w:t>
            </w:r>
            <w:r w:rsidRPr="00B86E52" w:rsidR="002C5594">
              <w:rPr>
                <w:rFonts w:ascii="Tahoma" w:hAnsi="Tahoma" w:cs="Tahoma"/>
                <w:iCs/>
                <w:sz w:val="22"/>
                <w:szCs w:val="22"/>
              </w:rPr>
              <w:t xml:space="preserve">. </w:t>
            </w:r>
          </w:p>
          <w:p w:rsidRPr="00B86E52" w:rsidR="008B05AF" w:rsidP="00E03797" w:rsidRDefault="008B05AF" w14:paraId="28CCDF9C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C07001" w:rsidP="00E03797" w:rsidRDefault="002C5594" w14:paraId="5712E0B0" w14:textId="151745BF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b/>
                <w:iCs/>
                <w:sz w:val="22"/>
                <w:szCs w:val="22"/>
              </w:rPr>
              <w:t>Q&amp;A</w:t>
            </w:r>
          </w:p>
          <w:p w:rsidRPr="00B86E52" w:rsidR="002C5594" w:rsidP="00E03797" w:rsidRDefault="002C5594" w14:paraId="6CAAAA4E" w14:textId="6A5468CC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2C5594" w:rsidP="38C4279F" w:rsidRDefault="002C5594" w14:paraId="4E148693" w14:textId="3A512765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38C4279F" w:rsidR="002C5594">
              <w:rPr>
                <w:rFonts w:ascii="Tahoma" w:hAnsi="Tahoma" w:cs="Tahoma"/>
                <w:sz w:val="22"/>
                <w:szCs w:val="22"/>
              </w:rPr>
              <w:t xml:space="preserve">CA asked if members </w:t>
            </w:r>
            <w:r w:rsidRPr="38C4279F" w:rsidR="3025670D">
              <w:rPr>
                <w:rFonts w:ascii="Tahoma" w:hAnsi="Tahoma" w:cs="Tahoma"/>
                <w:sz w:val="22"/>
                <w:szCs w:val="22"/>
              </w:rPr>
              <w:t>would</w:t>
            </w:r>
            <w:r w:rsidRPr="38C4279F" w:rsidR="002C5594">
              <w:rPr>
                <w:rFonts w:ascii="Tahoma" w:hAnsi="Tahoma" w:cs="Tahoma"/>
                <w:sz w:val="22"/>
                <w:szCs w:val="22"/>
              </w:rPr>
              <w:t xml:space="preserve"> have an opportunity to</w:t>
            </w:r>
            <w:r w:rsidRPr="38C4279F" w:rsidR="0009192D">
              <w:rPr>
                <w:rFonts w:ascii="Tahoma" w:hAnsi="Tahoma" w:cs="Tahoma"/>
                <w:sz w:val="22"/>
                <w:szCs w:val="22"/>
              </w:rPr>
              <w:t xml:space="preserve"> directly</w:t>
            </w:r>
            <w:r w:rsidRPr="38C4279F" w:rsidR="002C5594">
              <w:rPr>
                <w:rFonts w:ascii="Tahoma" w:hAnsi="Tahoma" w:cs="Tahoma"/>
                <w:sz w:val="22"/>
                <w:szCs w:val="22"/>
              </w:rPr>
              <w:t xml:space="preserve"> feed into strategic plan. CB said yes, but exact form</w:t>
            </w:r>
            <w:r w:rsidRPr="38C4279F" w:rsidR="0009192D">
              <w:rPr>
                <w:rFonts w:ascii="Tahoma" w:hAnsi="Tahoma" w:cs="Tahoma"/>
                <w:sz w:val="22"/>
                <w:szCs w:val="22"/>
              </w:rPr>
              <w:t xml:space="preserve"> that this will take</w:t>
            </w:r>
            <w:r w:rsidRPr="38C4279F" w:rsidR="002C5594">
              <w:rPr>
                <w:rFonts w:ascii="Tahoma" w:hAnsi="Tahoma" w:cs="Tahoma"/>
                <w:sz w:val="22"/>
                <w:szCs w:val="22"/>
              </w:rPr>
              <w:t xml:space="preserve"> is still unknown. </w:t>
            </w:r>
          </w:p>
          <w:p w:rsidRPr="00B86E52" w:rsidR="002C5594" w:rsidP="00E03797" w:rsidRDefault="002C5594" w14:paraId="122A9B19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C07001" w:rsidP="00E03797" w:rsidRDefault="00C07001" w14:paraId="0A42912A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6C7A7D7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2B49B0A5" w14:textId="77777777">
        <w:tc>
          <w:tcPr>
            <w:tcW w:w="562" w:type="dxa"/>
            <w:tcMar/>
          </w:tcPr>
          <w:p w:rsidRPr="00B86E52" w:rsidR="00C07001" w:rsidP="00E03797" w:rsidRDefault="00C07001" w14:paraId="295AAD2C" w14:textId="77777777">
            <w:pPr>
              <w:pStyle w:val="paragraph"/>
              <w:spacing w:before="0" w:beforeAutospacing="0" w:after="0" w:afterAutospacing="0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3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16B22BBB" w14:textId="3ADD5E36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b/>
                <w:bCs/>
                <w:sz w:val="22"/>
                <w:szCs w:val="22"/>
              </w:rPr>
              <w:t>EAUC and EAUC</w:t>
            </w:r>
            <w:r w:rsidRPr="00B86E52" w:rsidR="006A6C97">
              <w:rPr>
                <w:rFonts w:ascii="Tahoma" w:hAnsi="Tahoma" w:cs="Tahoma"/>
                <w:b/>
                <w:bCs/>
                <w:sz w:val="22"/>
                <w:szCs w:val="22"/>
              </w:rPr>
              <w:t xml:space="preserve"> </w:t>
            </w:r>
            <w:r w:rsidRPr="00B86E52">
              <w:rPr>
                <w:rFonts w:ascii="Tahoma" w:hAnsi="Tahoma" w:cs="Tahoma"/>
                <w:b/>
                <w:bCs/>
                <w:sz w:val="22"/>
                <w:szCs w:val="22"/>
              </w:rPr>
              <w:t>Scotland project update</w:t>
            </w:r>
          </w:p>
          <w:p w:rsidRPr="00B86E52" w:rsidR="00C07001" w:rsidP="00E03797" w:rsidRDefault="00C07001" w14:paraId="4C4467FE" w14:textId="7AF3D96A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 xml:space="preserve">Matt </w:t>
            </w:r>
            <w:proofErr w:type="spellStart"/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>Woodthorpe</w:t>
            </w:r>
            <w:proofErr w:type="spellEnd"/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>, EAUC</w:t>
            </w:r>
            <w:r w:rsidRPr="00B86E52" w:rsidR="0052027D">
              <w:rPr>
                <w:rFonts w:ascii="Tahoma" w:hAnsi="Tahoma" w:cs="Tahoma"/>
                <w:i/>
                <w:iCs/>
                <w:sz w:val="22"/>
                <w:szCs w:val="22"/>
              </w:rPr>
              <w:t xml:space="preserve"> </w:t>
            </w:r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>Scotland</w:t>
            </w:r>
          </w:p>
          <w:p w:rsidRPr="00B86E52" w:rsidR="002C5594" w:rsidP="00E03797" w:rsidRDefault="002C5594" w14:paraId="5156096F" w14:textId="7FEC1B6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0B096A" w:rsidP="5DB9F122" w:rsidRDefault="000B096A" w14:paraId="1FE3226B" w14:textId="5BBF094F" w14:noSpellErr="1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  <w:hyperlink r:id="R35727bb5514f4ede">
              <w:r w:rsidRPr="5DB9F122" w:rsidR="000B096A">
                <w:rPr>
                  <w:rStyle w:val="Hyperlink"/>
                  <w:rFonts w:ascii="Tahoma" w:hAnsi="Tahoma" w:eastAsia="Tahoma" w:cs="Tahoma"/>
                  <w:i w:val="1"/>
                  <w:iCs w:val="1"/>
                  <w:sz w:val="22"/>
                  <w:szCs w:val="22"/>
                </w:rPr>
                <w:t>This presentation can be viewed via the Sustainability Exchange.</w:t>
              </w:r>
            </w:hyperlink>
            <w:r w:rsidRPr="5DB9F122" w:rsidR="000B096A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 xml:space="preserve"> </w:t>
            </w:r>
          </w:p>
          <w:p w:rsidRPr="00B86E52" w:rsidR="000B096A" w:rsidP="00E03797" w:rsidRDefault="000B096A" w14:paraId="54A4EF2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09192D" w:rsidP="79AF8231" w:rsidRDefault="0009192D" w14:paraId="0360B1ED" w14:textId="168582C3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r w:rsidRPr="79AF8231" w:rsidR="0009192D">
              <w:rPr>
                <w:rFonts w:ascii="Tahoma" w:hAnsi="Tahoma" w:cs="Tahoma"/>
                <w:sz w:val="22"/>
                <w:szCs w:val="22"/>
              </w:rPr>
              <w:t xml:space="preserve">With the 2020-2023 funding programme </w:t>
            </w:r>
            <w:r w:rsidRPr="79AF8231" w:rsidR="638ACFD2">
              <w:rPr>
                <w:rFonts w:ascii="Tahoma" w:hAnsi="Tahoma" w:cs="Tahoma"/>
                <w:sz w:val="22"/>
                <w:szCs w:val="22"/>
              </w:rPr>
              <w:t xml:space="preserve">in partnership </w:t>
            </w:r>
            <w:r w:rsidRPr="79AF8231" w:rsidR="0009192D">
              <w:rPr>
                <w:rFonts w:ascii="Tahoma" w:hAnsi="Tahoma" w:cs="Tahoma"/>
                <w:sz w:val="22"/>
                <w:szCs w:val="22"/>
              </w:rPr>
              <w:t>with the Scottish Funding Council drawing to a close on 31</w:t>
            </w:r>
            <w:r w:rsidRPr="79AF8231" w:rsidR="0009192D">
              <w:rPr>
                <w:rFonts w:ascii="Tahoma" w:hAnsi="Tahoma" w:cs="Tahoma"/>
                <w:sz w:val="22"/>
                <w:szCs w:val="22"/>
                <w:vertAlign w:val="superscript"/>
              </w:rPr>
              <w:t>st</w:t>
            </w:r>
            <w:r w:rsidRPr="79AF8231" w:rsidR="0009192D">
              <w:rPr>
                <w:rFonts w:ascii="Tahoma" w:hAnsi="Tahoma" w:cs="Tahoma"/>
                <w:sz w:val="22"/>
                <w:szCs w:val="22"/>
              </w:rPr>
              <w:t xml:space="preserve"> March, </w:t>
            </w:r>
            <w:proofErr w:type="spellStart"/>
            <w:r w:rsidRPr="79AF8231" w:rsidR="0009192D">
              <w:rPr>
                <w:rFonts w:ascii="Tahoma" w:hAnsi="Tahoma" w:cs="Tahoma"/>
                <w:sz w:val="22"/>
                <w:szCs w:val="22"/>
              </w:rPr>
              <w:t>MWo</w:t>
            </w:r>
            <w:proofErr w:type="spellEnd"/>
            <w:r w:rsidRPr="79AF8231" w:rsidR="0009192D">
              <w:rPr>
                <w:rFonts w:ascii="Tahoma" w:hAnsi="Tahoma" w:cs="Tahoma"/>
                <w:sz w:val="22"/>
                <w:szCs w:val="22"/>
              </w:rPr>
              <w:t xml:space="preserve"> reflected on the work of EAUC</w:t>
            </w:r>
            <w:r w:rsidRPr="79AF8231" w:rsidR="0052027D">
              <w:rPr>
                <w:rFonts w:ascii="Tahoma" w:hAnsi="Tahoma" w:cs="Tahoma"/>
                <w:sz w:val="22"/>
                <w:szCs w:val="22"/>
              </w:rPr>
              <w:t xml:space="preserve"> </w:t>
            </w:r>
            <w:r w:rsidRPr="79AF8231" w:rsidR="0009192D">
              <w:rPr>
                <w:rFonts w:ascii="Tahoma" w:hAnsi="Tahoma" w:cs="Tahoma"/>
                <w:sz w:val="22"/>
                <w:szCs w:val="22"/>
              </w:rPr>
              <w:t>Scotland of the past three years – not just by staff, but by Advisory Group members</w:t>
            </w:r>
            <w:r w:rsidRPr="79AF8231" w:rsidR="165A01D4">
              <w:rPr>
                <w:rFonts w:ascii="Tahoma" w:hAnsi="Tahoma" w:cs="Tahoma"/>
                <w:sz w:val="22"/>
                <w:szCs w:val="22"/>
              </w:rPr>
              <w:t>, c</w:t>
            </w:r>
            <w:r w:rsidRPr="79AF8231" w:rsidR="0009192D">
              <w:rPr>
                <w:rFonts w:ascii="Tahoma" w:hAnsi="Tahoma" w:cs="Tahoma"/>
                <w:sz w:val="22"/>
                <w:szCs w:val="22"/>
              </w:rPr>
              <w:t>onvenors</w:t>
            </w:r>
            <w:r w:rsidRPr="79AF8231" w:rsidR="6396EDA4">
              <w:rPr>
                <w:rFonts w:ascii="Tahoma" w:hAnsi="Tahoma" w:cs="Tahoma"/>
                <w:sz w:val="22"/>
                <w:szCs w:val="22"/>
              </w:rPr>
              <w:t>, event attendees</w:t>
            </w:r>
            <w:r w:rsidRPr="79AF8231" w:rsidR="0009192D">
              <w:rPr>
                <w:rFonts w:ascii="Tahoma" w:hAnsi="Tahoma" w:cs="Tahoma"/>
                <w:sz w:val="22"/>
                <w:szCs w:val="22"/>
              </w:rPr>
              <w:t xml:space="preserve">. </w:t>
            </w:r>
          </w:p>
          <w:p w:rsidRPr="00B86E52" w:rsidR="0009192D" w:rsidP="0009192D" w:rsidRDefault="0009192D" w14:paraId="21FB0B01" w14:textId="36E1F2D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09192D" w:rsidP="0009192D" w:rsidRDefault="0057236E" w14:paraId="152DF4E7" w14:textId="622535D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EAUC Scotland’s work is primarily funded by the Scottish Funding Council. The 2020-2023 programme covered five key outcome areas:</w:t>
            </w:r>
          </w:p>
          <w:p w:rsidRPr="00B86E52" w:rsidR="0057236E" w:rsidP="0057236E" w:rsidRDefault="0057236E" w14:paraId="488E5610" w14:textId="0C680F0A">
            <w:pPr>
              <w:pStyle w:val="paragraph"/>
              <w:numPr>
                <w:ilvl w:val="0"/>
                <w:numId w:val="2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Institutional leadership</w:t>
            </w:r>
          </w:p>
          <w:p w:rsidRPr="00B86E52" w:rsidR="0057236E" w:rsidP="0057236E" w:rsidRDefault="0057236E" w14:paraId="0F15AF54" w14:textId="58B384B3">
            <w:pPr>
              <w:pStyle w:val="paragraph"/>
              <w:numPr>
                <w:ilvl w:val="0"/>
                <w:numId w:val="2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Skills, data and knowledge</w:t>
            </w:r>
          </w:p>
          <w:p w:rsidRPr="00B86E52" w:rsidR="0057236E" w:rsidP="0057236E" w:rsidRDefault="0057236E" w14:paraId="79F6BD30" w14:textId="01E0F8A6">
            <w:pPr>
              <w:pStyle w:val="paragraph"/>
              <w:numPr>
                <w:ilvl w:val="0"/>
                <w:numId w:val="2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Sector collaboration</w:t>
            </w:r>
          </w:p>
          <w:p w:rsidRPr="00B86E52" w:rsidR="0057236E" w:rsidP="0057236E" w:rsidRDefault="0057236E" w14:paraId="69912ACE" w14:textId="6633BCDB">
            <w:pPr>
              <w:pStyle w:val="paragraph"/>
              <w:numPr>
                <w:ilvl w:val="0"/>
                <w:numId w:val="2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Education for Sustainability</w:t>
            </w:r>
          </w:p>
          <w:p w:rsidRPr="00B86E52" w:rsidR="0057236E" w:rsidP="0057236E" w:rsidRDefault="0057236E" w14:paraId="69E10CD3" w14:textId="719DDF0B">
            <w:pPr>
              <w:pStyle w:val="paragraph"/>
              <w:numPr>
                <w:ilvl w:val="0"/>
                <w:numId w:val="2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Partnerships</w:t>
            </w:r>
          </w:p>
          <w:p w:rsidRPr="00B86E52" w:rsidR="00A80F2B" w:rsidP="0057236E" w:rsidRDefault="0057236E" w14:paraId="58405EB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noted that there have been challenges in this programme</w:t>
            </w:r>
            <w:r w:rsidRPr="00B86E52" w:rsidR="00A80F2B">
              <w:rPr>
                <w:rFonts w:ascii="Tahoma" w:hAnsi="Tahoma" w:cs="Tahoma"/>
                <w:iCs/>
                <w:sz w:val="22"/>
                <w:szCs w:val="22"/>
              </w:rPr>
              <w:t>.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</w:t>
            </w:r>
            <w:r w:rsidRPr="00B86E52" w:rsidR="00A80F2B">
              <w:rPr>
                <w:rFonts w:ascii="Tahoma" w:hAnsi="Tahoma" w:cs="Tahoma"/>
                <w:iCs/>
                <w:sz w:val="22"/>
                <w:szCs w:val="22"/>
              </w:rPr>
              <w:t>T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he Covid-19 pandemic led</w:t>
            </w:r>
            <w:r w:rsidRPr="00B86E52" w:rsidR="00A80F2B">
              <w:rPr>
                <w:rFonts w:ascii="Tahoma" w:hAnsi="Tahoma" w:cs="Tahoma"/>
                <w:iCs/>
                <w:sz w:val="22"/>
                <w:szCs w:val="22"/>
              </w:rPr>
              <w:t xml:space="preserve"> us to switch to a primarily online model. While this resulted in the los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of face-to-face relationship building opportunities, </w:t>
            </w:r>
            <w:r w:rsidRPr="00B86E52" w:rsidR="00A80F2B">
              <w:rPr>
                <w:rFonts w:ascii="Tahoma" w:hAnsi="Tahoma" w:cs="Tahoma"/>
                <w:iCs/>
                <w:sz w:val="22"/>
                <w:szCs w:val="22"/>
              </w:rPr>
              <w:t xml:space="preserve">it has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allowed us to increase the accessibility of our events – especially to institutions based in the Highlands and Islands.</w:t>
            </w:r>
          </w:p>
          <w:p w:rsidRPr="00B86E52" w:rsidR="00A80F2B" w:rsidP="0057236E" w:rsidRDefault="00A80F2B" w14:paraId="7D4F401D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A80F2B" w:rsidP="0057236E" w:rsidRDefault="00A80F2B" w14:paraId="055E8035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Spotlight: Sector Leadership</w:t>
            </w:r>
          </w:p>
          <w:p w:rsidRPr="00B86E52" w:rsidR="0057236E" w:rsidP="00A80F2B" w:rsidRDefault="00A80F2B" w14:paraId="50829484" w14:textId="5F2F5C77">
            <w:pPr>
              <w:pStyle w:val="paragraph"/>
              <w:numPr>
                <w:ilvl w:val="0"/>
                <w:numId w:val="3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25 new Race to Zero for Universities and Colleges signatories (33 total)</w:t>
            </w:r>
          </w:p>
          <w:p w:rsidRPr="00B86E52" w:rsidR="00A80F2B" w:rsidP="00A80F2B" w:rsidRDefault="00A80F2B" w14:paraId="36FB26C2" w14:textId="0CA453C5">
            <w:pPr>
              <w:pStyle w:val="paragraph"/>
              <w:numPr>
                <w:ilvl w:val="0"/>
                <w:numId w:val="3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9 new SDG Accord signatories (18 total)</w:t>
            </w:r>
          </w:p>
          <w:p w:rsidRPr="00B86E52" w:rsidR="00A80F2B" w:rsidP="00A80F2B" w:rsidRDefault="00A80F2B" w14:paraId="172E685D" w14:textId="6D694B0B">
            <w:pPr>
              <w:pStyle w:val="paragraph"/>
              <w:numPr>
                <w:ilvl w:val="0"/>
                <w:numId w:val="3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15 Scottish Green Gown Award Finalists and 8 winners/high commended</w:t>
            </w:r>
          </w:p>
          <w:p w:rsidRPr="00B86E52" w:rsidR="00A80F2B" w:rsidP="00A80F2B" w:rsidRDefault="00A80F2B" w14:paraId="7B70DFBA" w14:textId="0635F3E6">
            <w:pPr>
              <w:pStyle w:val="paragraph"/>
              <w:numPr>
                <w:ilvl w:val="0"/>
                <w:numId w:val="3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Engagement with sector leadership through board invitations, Secretaries Group, Committee of Scottish Chairs, SAUDE and CDN’s Climate Emergency Expert Working Group</w:t>
            </w:r>
          </w:p>
          <w:p w:rsidRPr="00B86E52" w:rsidR="0057236E" w:rsidP="0057236E" w:rsidRDefault="00A80F2B" w14:paraId="5B7BC2F7" w14:textId="65C961C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encouraged all members to consider ways to engage</w:t>
            </w:r>
            <w:r w:rsidRPr="00B86E52" w:rsidR="004F2879">
              <w:rPr>
                <w:rFonts w:ascii="Tahoma" w:hAnsi="Tahoma" w:cs="Tahoma"/>
                <w:iCs/>
                <w:sz w:val="22"/>
                <w:szCs w:val="22"/>
              </w:rPr>
              <w:t xml:space="preserve"> their leadership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– whether by inviting </w:t>
            </w:r>
            <w:r w:rsidRPr="00B86E52" w:rsidR="004F2879">
              <w:rPr>
                <w:rFonts w:ascii="Tahoma" w:hAnsi="Tahoma" w:cs="Tahoma"/>
                <w:iCs/>
                <w:sz w:val="22"/>
                <w:szCs w:val="22"/>
              </w:rPr>
              <w:t xml:space="preserve">EAUC-Scotland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to board or committee meetings, or by signing </w:t>
            </w:r>
            <w:r w:rsidRPr="00B86E52" w:rsidR="004F2879">
              <w:rPr>
                <w:rFonts w:ascii="Tahoma" w:hAnsi="Tahoma" w:cs="Tahoma"/>
                <w:iCs/>
                <w:sz w:val="22"/>
                <w:szCs w:val="22"/>
              </w:rPr>
              <w:t xml:space="preserve">up to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Race to Zero or </w:t>
            </w:r>
            <w:r w:rsidRPr="00B86E52" w:rsidR="004F2879">
              <w:rPr>
                <w:rFonts w:ascii="Tahoma" w:hAnsi="Tahoma" w:cs="Tahoma"/>
                <w:iCs/>
                <w:sz w:val="22"/>
                <w:szCs w:val="22"/>
              </w:rPr>
              <w:t xml:space="preserve">the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SDG Accord</w:t>
            </w:r>
            <w:r w:rsidRPr="00B86E52" w:rsidR="004F2879">
              <w:rPr>
                <w:rFonts w:ascii="Tahoma" w:hAnsi="Tahoma" w:cs="Tahoma"/>
                <w:iCs/>
                <w:sz w:val="22"/>
                <w:szCs w:val="22"/>
              </w:rPr>
              <w:t xml:space="preserve">. </w:t>
            </w:r>
          </w:p>
          <w:p w:rsidRPr="00B86E52" w:rsidR="00C07001" w:rsidP="0009192D" w:rsidRDefault="0009192D" w14:paraId="4904EA4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</w:t>
            </w:r>
          </w:p>
          <w:p w:rsidRPr="00B86E52" w:rsidR="004F2879" w:rsidP="0009192D" w:rsidRDefault="004F2879" w14:paraId="652B76A6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Spotlight: Carbon Literacy</w:t>
            </w:r>
          </w:p>
          <w:p w:rsidRPr="00B86E52" w:rsidR="004F2879" w:rsidP="004F2879" w:rsidRDefault="004F2879" w14:paraId="0C7808C9" w14:textId="77777777">
            <w:pPr>
              <w:pStyle w:val="paragraph"/>
              <w:numPr>
                <w:ilvl w:val="0"/>
                <w:numId w:val="4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EAUC and EAUC Scotland are certified as Platinum Carbon Literate Organisations by the Carbon Literacy Project</w:t>
            </w:r>
          </w:p>
          <w:p w:rsidRPr="00B86E52" w:rsidR="004F2879" w:rsidP="004F2879" w:rsidRDefault="004F2879" w14:paraId="2E05F62D" w14:textId="77777777">
            <w:pPr>
              <w:pStyle w:val="paragraph"/>
              <w:numPr>
                <w:ilvl w:val="0"/>
                <w:numId w:val="4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Over 14 cohorts we have delivered CLT to 210 participants, with 31 institutions and partners represented</w:t>
            </w:r>
          </w:p>
          <w:p w:rsidRPr="00B86E52" w:rsidR="004F2879" w:rsidP="004F2879" w:rsidRDefault="004F2879" w14:paraId="6A953CCA" w14:textId="68818963">
            <w:pPr>
              <w:pStyle w:val="paragraph"/>
              <w:numPr>
                <w:ilvl w:val="0"/>
                <w:numId w:val="4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Our monitoring data shows that participants’ knowledge about climate change, confidence to identify work actions and motivation to act all increase as a result of the training</w:t>
            </w:r>
          </w:p>
          <w:p w:rsidRPr="00B86E52" w:rsidR="004F2879" w:rsidP="004F2879" w:rsidRDefault="004F2879" w14:paraId="77D14BB6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encouraged anyone interested in booking either an open or closed CLT session to get in touch.</w:t>
            </w:r>
          </w:p>
          <w:p w:rsidRPr="00B86E52" w:rsidR="004F2879" w:rsidP="004F2879" w:rsidRDefault="004F2879" w14:paraId="7DFFC17C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4F2879" w:rsidP="004F2879" w:rsidRDefault="004F2879" w14:paraId="61838F3E" w14:textId="795EE5DB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Spotlight: Knowledge, Data and Skills</w:t>
            </w:r>
          </w:p>
          <w:p w:rsidRPr="00B86E52" w:rsidR="004F2879" w:rsidP="004F2879" w:rsidRDefault="004F2879" w14:paraId="48A50263" w14:textId="4CF18B61">
            <w:pPr>
              <w:pStyle w:val="paragraph"/>
              <w:numPr>
                <w:ilvl w:val="0"/>
                <w:numId w:val="5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97 EAUC Scotland events (including 16 training sessions) with 1800+ participants</w:t>
            </w:r>
          </w:p>
          <w:p w:rsidRPr="00B86E52" w:rsidR="004F2879" w:rsidP="004F2879" w:rsidRDefault="004F2879" w14:paraId="697CEE10" w14:textId="64EB8989">
            <w:pPr>
              <w:pStyle w:val="paragraph"/>
              <w:numPr>
                <w:ilvl w:val="0"/>
                <w:numId w:val="5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91% Scottish FHE institutional engagement</w:t>
            </w:r>
          </w:p>
          <w:p w:rsidRPr="00B86E52" w:rsidR="004F2879" w:rsidP="004F2879" w:rsidRDefault="004F2879" w14:paraId="3B082ACE" w14:textId="439AB90C">
            <w:pPr>
              <w:pStyle w:val="paragraph"/>
              <w:numPr>
                <w:ilvl w:val="0"/>
                <w:numId w:val="5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356 sector enquiries</w:t>
            </w:r>
          </w:p>
          <w:p w:rsidRPr="00B86E52" w:rsidR="004F2879" w:rsidP="004F2879" w:rsidRDefault="004F2879" w14:paraId="21B9CC71" w14:textId="7CBCCAEC">
            <w:pPr>
              <w:pStyle w:val="paragraph"/>
              <w:numPr>
                <w:ilvl w:val="0"/>
                <w:numId w:val="5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PBCCD Peer Review expanded to 20 institutions</w:t>
            </w:r>
          </w:p>
          <w:p w:rsidRPr="00B86E52" w:rsidR="004F2879" w:rsidP="004F2879" w:rsidRDefault="004F2879" w14:paraId="71C1C807" w14:textId="08A7FA20">
            <w:pPr>
              <w:pStyle w:val="paragraph"/>
              <w:numPr>
                <w:ilvl w:val="0"/>
                <w:numId w:val="5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lastRenderedPageBreak/>
              <w:t>New Health and Wellbeing TSN and Student Leaders Network</w:t>
            </w:r>
          </w:p>
          <w:p w:rsidRPr="00B86E52" w:rsidR="00983BAC" w:rsidP="00983BAC" w:rsidRDefault="00983BAC" w14:paraId="2F334723" w14:textId="5D3CD551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983BAC" w:rsidP="00983BAC" w:rsidRDefault="00983BAC" w14:paraId="01D068D5" w14:textId="0AEC4748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Spotlight: Learning and Teaching</w:t>
            </w:r>
          </w:p>
          <w:p w:rsidRPr="00B86E52" w:rsidR="00983BAC" w:rsidP="00983BAC" w:rsidRDefault="00983BAC" w14:paraId="25774304" w14:textId="105CE41C">
            <w:pPr>
              <w:pStyle w:val="paragraph"/>
              <w:numPr>
                <w:ilvl w:val="0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Education for Sustainable Development TSN and Realigning Curricula for the Future series</w:t>
            </w:r>
          </w:p>
          <w:p w:rsidRPr="00B86E52" w:rsidR="00983BAC" w:rsidP="00983BAC" w:rsidRDefault="00983BAC" w14:paraId="56A7B141" w14:textId="3A89AD79">
            <w:pPr>
              <w:pStyle w:val="paragraph"/>
              <w:numPr>
                <w:ilvl w:val="0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QAA Collaborative Enhancement Research Project</w:t>
            </w:r>
          </w:p>
          <w:p w:rsidRPr="00B86E52" w:rsidR="00983BAC" w:rsidP="00983BAC" w:rsidRDefault="00983BAC" w14:paraId="4ED0CCC7" w14:textId="775A535F">
            <w:pPr>
              <w:pStyle w:val="paragraph"/>
              <w:numPr>
                <w:ilvl w:val="0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Advocacy:</w:t>
            </w:r>
          </w:p>
          <w:p w:rsidRPr="00B86E52" w:rsidR="00983BAC" w:rsidP="00983BAC" w:rsidRDefault="00983BAC" w14:paraId="5F3D5088" w14:textId="423A2EDC">
            <w:pPr>
              <w:pStyle w:val="paragraph"/>
              <w:numPr>
                <w:ilvl w:val="1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Advance HE professional standards framework consultation</w:t>
            </w:r>
          </w:p>
          <w:p w:rsidRPr="00B86E52" w:rsidR="00983BAC" w:rsidP="00983BAC" w:rsidRDefault="00983BAC" w14:paraId="4D247434" w14:textId="1C752FB1">
            <w:pPr>
              <w:pStyle w:val="paragraph"/>
              <w:numPr>
                <w:ilvl w:val="1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GTCS Proposed Draft Standard for Provisional Registration</w:t>
            </w:r>
          </w:p>
          <w:p w:rsidRPr="00B86E52" w:rsidR="00983BAC" w:rsidP="00983BAC" w:rsidRDefault="00983BAC" w14:paraId="56B3656D" w14:textId="711C56C2">
            <w:pPr>
              <w:pStyle w:val="paragraph"/>
              <w:numPr>
                <w:ilvl w:val="1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Office of National Statistics consultation on </w:t>
            </w: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definitation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of Green Jobs</w:t>
            </w:r>
          </w:p>
          <w:p w:rsidRPr="00B86E52" w:rsidR="00983BAC" w:rsidP="00983BAC" w:rsidRDefault="00983BAC" w14:paraId="67394FED" w14:textId="5D5E4C1B">
            <w:pPr>
              <w:pStyle w:val="paragraph"/>
              <w:numPr>
                <w:ilvl w:val="1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Learning for Sustainability Action Plan refresh</w:t>
            </w:r>
          </w:p>
          <w:p w:rsidRPr="00B86E52" w:rsidR="00983BAC" w:rsidP="00983BAC" w:rsidRDefault="00983BAC" w14:paraId="3665BE75" w14:textId="69656353">
            <w:pPr>
              <w:pStyle w:val="paragraph"/>
              <w:numPr>
                <w:ilvl w:val="1"/>
                <w:numId w:val="6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limate Emergency Skills Action Plan education subgroup</w:t>
            </w:r>
          </w:p>
          <w:p w:rsidRPr="00B86E52" w:rsidR="00AF58F1" w:rsidP="00AF58F1" w:rsidRDefault="00AF58F1" w14:paraId="71A044E3" w14:textId="7B5954FA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noted that this is the first programme where we have had a dedicated staff member working on learning and teaching. </w:t>
            </w:r>
          </w:p>
          <w:p w:rsidRPr="00B86E52" w:rsidR="00AF58F1" w:rsidP="00AF58F1" w:rsidRDefault="00AF58F1" w14:paraId="5F7CFC01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AF58F1" w:rsidP="00AF58F1" w:rsidRDefault="00AF58F1" w14:paraId="1792DEF2" w14:textId="6EC7449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Spotlight: Partnerships &amp; Collaboration</w:t>
            </w:r>
          </w:p>
          <w:p w:rsidRPr="00B86E52" w:rsidR="009E7B31" w:rsidP="00AF58F1" w:rsidRDefault="00BA42C3" w14:paraId="7078B5D9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outlined some of our key partnerships and the work they have produced. </w:t>
            </w:r>
          </w:p>
          <w:p w:rsidRPr="00B86E52" w:rsidR="009E7B31" w:rsidP="00AF58F1" w:rsidRDefault="009E7B31" w14:paraId="40C90CA2" w14:textId="77777777">
            <w:pPr>
              <w:pStyle w:val="paragraph"/>
              <w:numPr>
                <w:ilvl w:val="0"/>
                <w:numId w:val="7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W</w:t>
            </w:r>
            <w:r w:rsidRPr="00B86E52" w:rsidR="00BA42C3">
              <w:rPr>
                <w:rFonts w:ascii="Tahoma" w:hAnsi="Tahoma" w:cs="Tahoma"/>
                <w:iCs/>
                <w:sz w:val="22"/>
                <w:szCs w:val="22"/>
              </w:rPr>
              <w:t>orking with SSN and other public body partners, we co-wrote the Public Sector Leadership on the Global Climate Emergency guidance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, and we will be carrying out a similar exercise with the statutory guidance that will be presented to the Scottish Government. </w:t>
            </w:r>
          </w:p>
          <w:p w:rsidRPr="00B86E52" w:rsidR="00AF58F1" w:rsidP="00AF58F1" w:rsidRDefault="009E7B31" w14:paraId="6D9E3508" w14:textId="7BF679FD">
            <w:pPr>
              <w:pStyle w:val="paragraph"/>
              <w:numPr>
                <w:ilvl w:val="0"/>
                <w:numId w:val="7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CDN consulted us on their College Climate Change Conference, as well as working with us and Learning for Sustainability Scotland on the new online sustainability module for their e-learning platform.  </w:t>
            </w:r>
          </w:p>
          <w:p w:rsidRPr="00B86E52" w:rsidR="009E7B31" w:rsidP="00AF58F1" w:rsidRDefault="009E7B31" w14:paraId="39B2E8A1" w14:textId="32D7BE26">
            <w:pPr>
              <w:pStyle w:val="paragraph"/>
              <w:numPr>
                <w:ilvl w:val="0"/>
                <w:numId w:val="7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We have worked with APUC to develop their Supply Chain Climate and Ecological Emergency Strategy</w:t>
            </w:r>
            <w:r w:rsidRPr="00B86E52" w:rsidR="0052027D">
              <w:rPr>
                <w:rFonts w:ascii="Tahoma" w:hAnsi="Tahoma" w:cs="Tahoma"/>
                <w:iCs/>
                <w:sz w:val="22"/>
                <w:szCs w:val="22"/>
              </w:rPr>
              <w:t>.</w:t>
            </w:r>
          </w:p>
          <w:p w:rsidRPr="00B86E52" w:rsidR="0052027D" w:rsidP="00AF58F1" w:rsidRDefault="0052027D" w14:paraId="19A69099" w14:textId="72E9711F">
            <w:pPr>
              <w:pStyle w:val="paragraph"/>
              <w:numPr>
                <w:ilvl w:val="0"/>
                <w:numId w:val="7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Our pilot Central and South Scotland College Partnership has seen Borders College, </w:t>
            </w: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Forth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Valley College and West Lothian College share budget to fund a joint Sustainability Manager role hosted by EAUC Scotland. </w:t>
            </w:r>
          </w:p>
          <w:p w:rsidRPr="00B86E52" w:rsidR="0052027D" w:rsidP="0052027D" w:rsidRDefault="0052027D" w14:paraId="00A5953F" w14:textId="6B5B4369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52027D" w:rsidP="79AF8231" w:rsidRDefault="0052027D" w14:paraId="273615D3" w14:textId="061D04DB">
            <w:pPr>
              <w:pStyle w:val="paragraph"/>
              <w:spacing w:before="0" w:beforeAutospacing="off" w:after="0" w:afterAutospacing="off"/>
              <w:rPr>
                <w:rFonts w:ascii="Tahoma" w:hAnsi="Tahoma" w:cs="Tahoma"/>
                <w:sz w:val="22"/>
                <w:szCs w:val="22"/>
              </w:rPr>
            </w:pPr>
            <w:proofErr w:type="spellStart"/>
            <w:r w:rsidRPr="79AF8231" w:rsidR="0052027D">
              <w:rPr>
                <w:rFonts w:ascii="Tahoma" w:hAnsi="Tahoma" w:cs="Tahoma"/>
                <w:sz w:val="22"/>
                <w:szCs w:val="22"/>
              </w:rPr>
              <w:t>MWo</w:t>
            </w:r>
            <w:proofErr w:type="spellEnd"/>
            <w:r w:rsidRPr="79AF8231" w:rsidR="0052027D">
              <w:rPr>
                <w:rFonts w:ascii="Tahoma" w:hAnsi="Tahoma" w:cs="Tahoma"/>
                <w:sz w:val="22"/>
                <w:szCs w:val="22"/>
              </w:rPr>
              <w:t xml:space="preserve"> thanked everyone who has contributed over the course of the last three years – including fellows, board members, key partners and </w:t>
            </w:r>
            <w:r w:rsidRPr="79AF8231" w:rsidR="0B299CC8">
              <w:rPr>
                <w:rFonts w:ascii="Tahoma" w:hAnsi="Tahoma" w:cs="Tahoma"/>
                <w:sz w:val="22"/>
                <w:szCs w:val="22"/>
              </w:rPr>
              <w:t xml:space="preserve">current and </w:t>
            </w:r>
            <w:r w:rsidRPr="79AF8231" w:rsidR="0052027D">
              <w:rPr>
                <w:rFonts w:ascii="Tahoma" w:hAnsi="Tahoma" w:cs="Tahoma"/>
                <w:sz w:val="22"/>
                <w:szCs w:val="22"/>
              </w:rPr>
              <w:t xml:space="preserve">previous staff. </w:t>
            </w:r>
          </w:p>
          <w:p w:rsidRPr="00B86E52" w:rsidR="0052027D" w:rsidP="0052027D" w:rsidRDefault="0052027D" w14:paraId="1359D49C" w14:textId="783E312C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52027D" w:rsidP="0052027D" w:rsidRDefault="0052027D" w14:paraId="04F15049" w14:textId="7E96A124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  <w:u w:val="single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  <w:u w:val="single"/>
              </w:rPr>
              <w:t>2023-2024 Programme Launch</w:t>
            </w:r>
          </w:p>
          <w:p w:rsidRPr="00B86E52" w:rsidR="0052027D" w:rsidP="0052027D" w:rsidRDefault="0052027D" w14:paraId="6E1BA83A" w14:textId="73B0DAA3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announced the launch of the new SFC-funded 12-month programme “Supporting a step-change towards environmental sustainability at Scotland’s Universities and Colleges”. </w:t>
            </w: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thanked SFC and noted financial pressure for the sector. </w:t>
            </w:r>
          </w:p>
          <w:p w:rsidRPr="00B86E52" w:rsidR="0052027D" w:rsidP="0052027D" w:rsidRDefault="0052027D" w14:paraId="62C08318" w14:textId="0E720E82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52027D" w:rsidP="0052027D" w:rsidRDefault="0052027D" w14:paraId="48A33C16" w14:textId="6ACE57C1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While the Outcome Agreement has yet to be finalised, over the next 6 months we will:</w:t>
            </w:r>
          </w:p>
          <w:p w:rsidRPr="00B86E52" w:rsidR="0052027D" w:rsidP="0052027D" w:rsidRDefault="0052027D" w14:paraId="090964B4" w14:textId="2D69823E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Launch a Network Communications Pack</w:t>
            </w:r>
          </w:p>
          <w:p w:rsidRPr="00B86E52" w:rsidR="0052027D" w:rsidP="0052027D" w:rsidRDefault="0052027D" w14:paraId="43B64556" w14:textId="1DD76F15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lastRenderedPageBreak/>
              <w:t>Launch a Sustainability Champions Toolkit</w:t>
            </w:r>
          </w:p>
          <w:p w:rsidRPr="00B86E52" w:rsidR="0052027D" w:rsidP="0052027D" w:rsidRDefault="0052027D" w14:paraId="6CCD3CE3" w14:textId="75387DAD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Facilitate aviation in FHE workshops</w:t>
            </w:r>
          </w:p>
          <w:p w:rsidRPr="00B86E52" w:rsidR="0052027D" w:rsidP="0052027D" w:rsidRDefault="0052027D" w14:paraId="133A4AF7" w14:textId="01F7446C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Publish a sector Public Bodies Climate Change Duties Report overview</w:t>
            </w:r>
          </w:p>
          <w:p w:rsidRPr="00B86E52" w:rsidR="0052027D" w:rsidP="0052027D" w:rsidRDefault="0052027D" w14:paraId="060895F7" w14:textId="67A6BBF7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Launch a new sustainability careers guide</w:t>
            </w:r>
          </w:p>
          <w:p w:rsidRPr="00B86E52" w:rsidR="0052027D" w:rsidP="0052027D" w:rsidRDefault="0052027D" w14:paraId="0285DCD5" w14:textId="64217656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Deliver Spring and Autumn Topic Support Network series</w:t>
            </w:r>
          </w:p>
          <w:p w:rsidRPr="00B86E52" w:rsidR="0052027D" w:rsidP="0052027D" w:rsidRDefault="0052027D" w14:paraId="72C5BC46" w14:textId="04020F72">
            <w:pPr>
              <w:pStyle w:val="paragraph"/>
              <w:numPr>
                <w:ilvl w:val="0"/>
                <w:numId w:val="8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arry out institutional engagement calls and visits</w:t>
            </w:r>
          </w:p>
          <w:p w:rsidRPr="00B86E52" w:rsidR="0052027D" w:rsidP="0052027D" w:rsidRDefault="0052027D" w14:paraId="5E17336C" w14:textId="591462E6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proofErr w:type="spell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MWo</w:t>
            </w:r>
            <w:proofErr w:type="spell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shared</w:t>
            </w:r>
            <w:r w:rsidR="00707762">
              <w:rPr>
                <w:rFonts w:ascii="Tahoma" w:hAnsi="Tahoma" w:cs="Tahoma"/>
                <w:iCs/>
                <w:sz w:val="22"/>
                <w:szCs w:val="22"/>
              </w:rPr>
              <w:t xml:space="preserve"> our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</w:t>
            </w:r>
            <w:hyperlink w:history="1" r:id="rId11">
              <w:r w:rsidRPr="00707762">
                <w:rPr>
                  <w:rStyle w:val="Hyperlink"/>
                  <w:rFonts w:ascii="Tahoma" w:hAnsi="Tahoma" w:cs="Tahoma"/>
                  <w:iCs/>
                  <w:sz w:val="22"/>
                  <w:szCs w:val="22"/>
                </w:rPr>
                <w:t>events calendar</w:t>
              </w:r>
            </w:hyperlink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for the next few months</w:t>
            </w:r>
            <w:r w:rsidR="00707762">
              <w:rPr>
                <w:rFonts w:ascii="Tahoma" w:hAnsi="Tahoma" w:cs="Tahoma"/>
                <w:iCs/>
                <w:sz w:val="22"/>
                <w:szCs w:val="22"/>
              </w:rPr>
              <w:t>.</w:t>
            </w:r>
          </w:p>
          <w:p w:rsidRPr="00B86E52" w:rsidR="004F2879" w:rsidP="004F2879" w:rsidRDefault="004F2879" w14:paraId="312127E7" w14:textId="57AEA1D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="00C07001" w:rsidP="00E03797" w:rsidRDefault="00C07001" w14:paraId="510620A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336DEE92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3B53EF11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2A80838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0BF59D2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0CDA8B7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C24B092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F81F040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34AB2494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362645A9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5F637AB7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EE3D81E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520DFDE7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0A7AC84A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54268A5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57DA4401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39E4E398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0DCC4DC8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6B872497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F39D655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549CE04B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6A1EF21F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7D91B74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AED3E7E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66F2074B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5DC9017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7C717413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B2024D1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1D2B5F93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6C4DCA43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06B6F5C6" w14:textId="77777777">
            <w:pPr>
              <w:pStyle w:val="paragraph"/>
              <w:spacing w:before="0" w:beforeAutospacing="0" w:after="0" w:afterAutospacing="0"/>
            </w:pPr>
          </w:p>
          <w:p w:rsidR="00B86E52" w:rsidP="00E03797" w:rsidRDefault="00B86E52" w14:paraId="4CD61D17" w14:textId="77777777">
            <w:pPr>
              <w:pStyle w:val="paragraph"/>
              <w:spacing w:before="0" w:beforeAutospacing="0" w:after="0" w:afterAutospacing="0"/>
              <w:rPr>
                <w:b/>
                <w:bCs/>
              </w:rPr>
            </w:pPr>
          </w:p>
          <w:p w:rsidR="00B86E52" w:rsidP="00E03797" w:rsidRDefault="00B86E52" w14:paraId="65B0F221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1DB9538D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14DD6F3B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564D5746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32BA2156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22B38C68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6BC9C124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3EB860C4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3C9B1FDD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B86E52" w:rsidP="00E03797" w:rsidRDefault="00B86E52" w14:paraId="0C4B54E4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/>
                <w:bCs/>
                <w:sz w:val="22"/>
                <w:szCs w:val="22"/>
              </w:rPr>
            </w:pPr>
          </w:p>
          <w:p w:rsidR="00707762" w:rsidP="00E03797" w:rsidRDefault="00707762" w14:paraId="4429BA5F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Cs/>
                <w:sz w:val="22"/>
                <w:szCs w:val="22"/>
              </w:rPr>
            </w:pPr>
          </w:p>
          <w:p w:rsidRPr="00707762" w:rsidR="00707762" w:rsidP="00E03797" w:rsidRDefault="00B86E52" w14:paraId="6004980A" w14:textId="0FDFB312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bCs/>
                <w:sz w:val="22"/>
                <w:szCs w:val="22"/>
              </w:rPr>
            </w:pPr>
            <w:r w:rsidRPr="00707762">
              <w:rPr>
                <w:rFonts w:ascii="Tahoma" w:hAnsi="Tahoma" w:cs="Tahoma"/>
                <w:bCs/>
                <w:sz w:val="22"/>
                <w:szCs w:val="22"/>
              </w:rPr>
              <w:t>Please contact</w:t>
            </w:r>
            <w:r w:rsidRPr="00707762" w:rsidR="00707762">
              <w:rPr>
                <w:rFonts w:ascii="Tahoma" w:hAnsi="Tahoma" w:cs="Tahoma"/>
                <w:bCs/>
                <w:sz w:val="22"/>
                <w:szCs w:val="22"/>
              </w:rPr>
              <w:t xml:space="preserve"> </w:t>
            </w:r>
            <w:hyperlink w:history="1" r:id="rId12">
              <w:r w:rsidRPr="00707762" w:rsidR="00707762">
                <w:rPr>
                  <w:rStyle w:val="Hyperlink"/>
                  <w:rFonts w:ascii="Tahoma" w:hAnsi="Tahoma" w:cs="Tahoma"/>
                  <w:bCs/>
                  <w:sz w:val="22"/>
                  <w:szCs w:val="22"/>
                </w:rPr>
                <w:t>scotland@eauc.org.uk</w:t>
              </w:r>
            </w:hyperlink>
            <w:r w:rsidRPr="00707762" w:rsidR="00707762">
              <w:rPr>
                <w:rFonts w:ascii="Tahoma" w:hAnsi="Tahoma" w:cs="Tahoma"/>
                <w:bCs/>
                <w:sz w:val="22"/>
                <w:szCs w:val="22"/>
              </w:rPr>
              <w:t xml:space="preserve"> with enquiries about CLT.</w:t>
            </w:r>
          </w:p>
        </w:tc>
      </w:tr>
      <w:tr w:rsidRPr="00B86E52" w:rsidR="00707762" w:rsidTr="38C4279F" w14:paraId="0B13C56C" w14:textId="77777777">
        <w:tc>
          <w:tcPr>
            <w:tcW w:w="562" w:type="dxa"/>
            <w:tcMar/>
          </w:tcPr>
          <w:p w:rsidRPr="00B86E52" w:rsidR="00C07001" w:rsidP="00E03797" w:rsidRDefault="00C07001" w14:paraId="450A6AD4" w14:textId="77777777">
            <w:pPr>
              <w:pStyle w:val="paragraph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sz w:val="22"/>
                <w:szCs w:val="22"/>
              </w:rPr>
              <w:lastRenderedPageBreak/>
              <w:t>4</w:t>
            </w:r>
            <w:r w:rsidRPr="00B86E52">
              <w:rPr>
                <w:rFonts w:ascii="Tahoma" w:hAnsi="Tahoma" w:eastAsia="Tahoma" w:cs="Tahoma"/>
                <w:b/>
                <w:bCs/>
                <w:sz w:val="22"/>
                <w:szCs w:val="22"/>
              </w:rPr>
              <w:t> 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3BB12C65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b/>
                <w:bCs/>
                <w:sz w:val="22"/>
                <w:szCs w:val="22"/>
              </w:rPr>
              <w:t xml:space="preserve">Advisory Group voting </w:t>
            </w:r>
          </w:p>
          <w:p w:rsidRPr="00B86E52" w:rsidR="00C07001" w:rsidP="00E03797" w:rsidRDefault="00C07001" w14:paraId="1700EF51" w14:textId="31EC008F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Christine Calder, Dundee &amp; Angus College and EAUC</w:t>
            </w:r>
            <w:r w:rsidRPr="00B86E52" w:rsidR="0052027D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 xml:space="preserve"> S</w:t>
            </w: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cotland Convenor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52027D" w:rsidP="00E03797" w:rsidRDefault="0052027D" w14:paraId="6DD1C8B2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6A6C97" w:rsidP="00E03797" w:rsidRDefault="00CF1EB0" w14:paraId="0B23E973" w14:textId="2D23E510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 xml:space="preserve">CC </w:t>
            </w:r>
            <w:r w:rsidRPr="00B86E52" w:rsidR="0052027D">
              <w:rPr>
                <w:rStyle w:val="eop"/>
                <w:rFonts w:ascii="Tahoma" w:hAnsi="Tahoma" w:cs="Tahoma"/>
                <w:sz w:val="22"/>
                <w:szCs w:val="22"/>
              </w:rPr>
              <w:t>explained the role of the</w:t>
            </w:r>
            <w:r w:rsidRPr="00B86E52" w:rsidR="006A6C97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  <w:hyperlink w:history="1" r:id="rId13">
              <w:r w:rsidRPr="00707762" w:rsidR="0052027D">
                <w:rPr>
                  <w:rStyle w:val="Hyperlink"/>
                  <w:rFonts w:ascii="Tahoma" w:hAnsi="Tahoma" w:cs="Tahoma"/>
                  <w:sz w:val="22"/>
                  <w:szCs w:val="22"/>
                </w:rPr>
                <w:t>Advisory Group</w:t>
              </w:r>
            </w:hyperlink>
            <w:r w:rsidRPr="00B86E52" w:rsidR="0052027D">
              <w:rPr>
                <w:rStyle w:val="eop"/>
                <w:rFonts w:ascii="Tahoma" w:hAnsi="Tahoma" w:cs="Tahoma"/>
                <w:sz w:val="22"/>
                <w:szCs w:val="22"/>
              </w:rPr>
              <w:t xml:space="preserve"> in supporting and </w:t>
            </w:r>
            <w:r w:rsidRPr="00B86E52" w:rsidR="006A6C97">
              <w:rPr>
                <w:rStyle w:val="eop"/>
                <w:rFonts w:ascii="Tahoma" w:hAnsi="Tahoma" w:cs="Tahoma"/>
                <w:sz w:val="22"/>
                <w:szCs w:val="22"/>
              </w:rPr>
              <w:t xml:space="preserve">informing EAUC Scotland’s work. </w:t>
            </w:r>
          </w:p>
          <w:p w:rsidRPr="00B86E52" w:rsidR="006A6C97" w:rsidP="00E03797" w:rsidRDefault="006A6C97" w14:paraId="7D658D47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00E03797" w:rsidRDefault="006A6C97" w14:paraId="19E9BAFD" w14:textId="5C068520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 xml:space="preserve">Reaching the end of his first two-year term, </w:t>
            </w:r>
            <w:r w:rsidRPr="00B86E52" w:rsidR="0052027D">
              <w:rPr>
                <w:rStyle w:val="eop"/>
                <w:rFonts w:ascii="Tahoma" w:hAnsi="Tahoma" w:cs="Tahoma"/>
                <w:sz w:val="22"/>
                <w:szCs w:val="22"/>
              </w:rPr>
              <w:t xml:space="preserve">Dr </w:t>
            </w:r>
            <w:r w:rsidRPr="00B86E52" w:rsidR="00CF1EB0">
              <w:rPr>
                <w:rStyle w:val="eop"/>
                <w:rFonts w:ascii="Tahoma" w:hAnsi="Tahoma" w:cs="Tahoma"/>
                <w:sz w:val="22"/>
                <w:szCs w:val="22"/>
              </w:rPr>
              <w:t>Roddy</w:t>
            </w:r>
            <w:r w:rsidRPr="00B86E52" w:rsidR="0052027D">
              <w:rPr>
                <w:rStyle w:val="eop"/>
                <w:rFonts w:ascii="Tahoma" w:hAnsi="Tahoma" w:cs="Tahoma"/>
                <w:sz w:val="22"/>
                <w:szCs w:val="22"/>
              </w:rPr>
              <w:t xml:space="preserve"> Yarr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, Higher Education and Estates representative,</w:t>
            </w:r>
            <w:r w:rsidRPr="00B86E52" w:rsidR="00CF1EB0">
              <w:rPr>
                <w:rStyle w:val="eop"/>
                <w:rFonts w:ascii="Tahoma" w:hAnsi="Tahoma" w:cs="Tahoma"/>
                <w:sz w:val="22"/>
                <w:szCs w:val="22"/>
              </w:rPr>
              <w:t xml:space="preserve"> 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 xml:space="preserve">stood unopposed for a second term. RY delivered a short presentation highlighting his sector-specific knowledge and experience, and extensive community links. </w:t>
            </w:r>
          </w:p>
          <w:p w:rsidRPr="00B86E52" w:rsidR="006A6C97" w:rsidP="00E03797" w:rsidRDefault="006A6C97" w14:paraId="012DF618" w14:textId="5B46A58C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00E03797" w:rsidRDefault="006A6C97" w14:paraId="36B7371B" w14:textId="0727C8A3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 xml:space="preserve">Voting was then opened with one representative from each educational institution invited to either cast a vote for RY or to Re-Open Nominations (RON) or abstain. </w:t>
            </w:r>
          </w:p>
          <w:p w:rsidRPr="00B86E52" w:rsidR="00C07001" w:rsidP="00E03797" w:rsidRDefault="00C07001" w14:paraId="2DC9CD51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1D67358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2B068EDD" w14:textId="77777777">
        <w:tc>
          <w:tcPr>
            <w:tcW w:w="562" w:type="dxa"/>
            <w:tcMar/>
          </w:tcPr>
          <w:p w:rsidRPr="00B86E52" w:rsidR="00C07001" w:rsidP="00E03797" w:rsidRDefault="00C07001" w14:paraId="10897A88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6804" w:type="dxa"/>
            <w:tcMar/>
          </w:tcPr>
          <w:p w:rsidRPr="00B86E52" w:rsidR="00C07001" w:rsidP="00E03797" w:rsidRDefault="00C07001" w14:paraId="052E7306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Comfort Break</w:t>
            </w:r>
          </w:p>
          <w:p w:rsidRPr="00B86E52" w:rsidR="00C07001" w:rsidP="00E03797" w:rsidRDefault="00C07001" w14:paraId="61FF68D2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1E65309C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23BE4D6A" w14:textId="77777777">
        <w:tc>
          <w:tcPr>
            <w:tcW w:w="562" w:type="dxa"/>
            <w:tcMar/>
          </w:tcPr>
          <w:p w:rsidRPr="00B86E52" w:rsidR="00C07001" w:rsidP="00E03797" w:rsidRDefault="00C07001" w14:paraId="35A384FC" w14:textId="77777777">
            <w:pPr>
              <w:pStyle w:val="paragraph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5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5D318313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b/>
                <w:bCs/>
                <w:sz w:val="22"/>
                <w:szCs w:val="22"/>
              </w:rPr>
              <w:t>Scottish Funding Council Net Zero and Sustainability Framework workshop</w:t>
            </w:r>
          </w:p>
          <w:p w:rsidRPr="00B86E52" w:rsidR="00C07001" w:rsidP="00E03797" w:rsidRDefault="00C07001" w14:paraId="4F7E4D56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/>
                <w:iCs/>
                <w:sz w:val="22"/>
                <w:szCs w:val="22"/>
              </w:rPr>
              <w:t xml:space="preserve">Hazel </w:t>
            </w:r>
            <w:proofErr w:type="spellStart"/>
            <w:r w:rsidRPr="00B86E52">
              <w:rPr>
                <w:rFonts w:ascii="Tahoma" w:hAnsi="Tahoma" w:eastAsia="Tahoma" w:cs="Tahoma"/>
                <w:i/>
                <w:iCs/>
                <w:sz w:val="22"/>
                <w:szCs w:val="22"/>
              </w:rPr>
              <w:t>Dalgård</w:t>
            </w:r>
            <w:proofErr w:type="spellEnd"/>
            <w:r w:rsidRPr="00B86E52">
              <w:rPr>
                <w:rFonts w:ascii="Tahoma" w:hAnsi="Tahoma" w:eastAsia="Tahoma" w:cs="Tahoma"/>
                <w:i/>
                <w:iCs/>
                <w:sz w:val="22"/>
                <w:szCs w:val="22"/>
              </w:rPr>
              <w:t>, Scottish Funding Council</w:t>
            </w:r>
          </w:p>
          <w:p w:rsidRPr="00B86E52" w:rsidR="00DD4493" w:rsidP="00E03797" w:rsidRDefault="00DD4493" w14:paraId="68F2CE0B" w14:textId="4ADDA641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/>
                <w:iCs/>
                <w:sz w:val="22"/>
                <w:szCs w:val="22"/>
              </w:rPr>
            </w:pPr>
          </w:p>
          <w:p w:rsidRPr="00B86E52" w:rsidR="000B096A" w:rsidP="5DB9F122" w:rsidRDefault="000B096A" w14:paraId="343FD7E4" w14:textId="6D9BF7E4" w14:noSpellErr="1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  <w:hyperlink r:id="R8a4f8ea125f3440d">
              <w:r w:rsidRPr="5DB9F122" w:rsidR="000B096A">
                <w:rPr>
                  <w:rStyle w:val="Hyperlink"/>
                  <w:rFonts w:ascii="Tahoma" w:hAnsi="Tahoma" w:eastAsia="Tahoma" w:cs="Tahoma"/>
                  <w:i w:val="1"/>
                  <w:iCs w:val="1"/>
                  <w:sz w:val="22"/>
                  <w:szCs w:val="22"/>
                </w:rPr>
                <w:t>This presentation can be viewed via the Sustainability Exchange.</w:t>
              </w:r>
            </w:hyperlink>
            <w:r w:rsidRPr="5DB9F122" w:rsidR="000B096A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 xml:space="preserve"> </w:t>
            </w:r>
          </w:p>
          <w:p w:rsidRPr="00B86E52" w:rsidR="000B096A" w:rsidP="00E03797" w:rsidRDefault="000B096A" w14:paraId="06297ABF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/>
                <w:iCs/>
                <w:sz w:val="22"/>
                <w:szCs w:val="22"/>
              </w:rPr>
            </w:pPr>
          </w:p>
          <w:p w:rsidRPr="00B86E52" w:rsidR="00F153E7" w:rsidP="00E03797" w:rsidRDefault="00F153E7" w14:paraId="263472D5" w14:textId="5576FB2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H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D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has been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tasked with distilling 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the Scottish Funding Council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’s work into a framework 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which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pivot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s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it to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wards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a strong climate emergency response. </w:t>
            </w:r>
            <w:r w:rsidRPr="00B86E52" w:rsidR="006A6C97">
              <w:rPr>
                <w:rFonts w:ascii="Tahoma" w:hAnsi="Tahoma" w:eastAsia="Tahoma" w:cs="Tahoma"/>
                <w:iCs/>
                <w:sz w:val="22"/>
                <w:szCs w:val="22"/>
              </w:rPr>
              <w:t>SFC is a small body, despite its large budget, and HD sees this as a major opportunity.</w:t>
            </w:r>
          </w:p>
          <w:p w:rsidRPr="00B86E52" w:rsidR="003610A4" w:rsidP="00E03797" w:rsidRDefault="003610A4" w14:paraId="385410B7" w14:textId="0C12204A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</w:p>
          <w:p w:rsidRPr="00B86E52" w:rsidR="003610A4" w:rsidP="00E03797" w:rsidRDefault="006A6C97" w14:paraId="2E6D6843" w14:textId="7C0763D4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HD outlined SFC’s s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>trategic objectives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, including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enabling people to learn and flourish, generating new ideas and diffusing knowledge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. In its m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ission statement,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HD noted the inclusion of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“system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c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hange”. </w:t>
            </w:r>
          </w:p>
          <w:p w:rsidRPr="00B86E52" w:rsidR="003610A4" w:rsidP="00E03797" w:rsidRDefault="003610A4" w14:paraId="70281640" w14:textId="4CEA7B60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</w:p>
          <w:p w:rsidRPr="00B86E52" w:rsidR="003610A4" w:rsidP="00E03797" w:rsidRDefault="000B096A" w14:paraId="5A8C01E4" w14:textId="563AB7A1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HD suggested that we have reach a N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et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Z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ero policy tipping point,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with most new strategies emerging from the Scottish Government referencing NZ. 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SFC is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particularly 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>interested in CESAP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and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Just Transition plans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.</w:t>
            </w:r>
            <w:r w:rsidRPr="00B86E52" w:rsidR="003610A4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</w:t>
            </w:r>
          </w:p>
          <w:p w:rsidRPr="00B86E52" w:rsidR="000B096A" w:rsidP="00E03797" w:rsidRDefault="000B096A" w14:paraId="09E80A1E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</w:p>
          <w:p w:rsidRPr="00B86E52" w:rsidR="003610A4" w:rsidP="00E03797" w:rsidRDefault="003610A4" w14:paraId="37F9801D" w14:textId="7BBAA366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H</w:t>
            </w:r>
            <w:r w:rsidRPr="00B86E52" w:rsidR="000B096A">
              <w:rPr>
                <w:rFonts w:ascii="Tahoma" w:hAnsi="Tahoma" w:eastAsia="Tahoma" w:cs="Tahoma"/>
                <w:iCs/>
                <w:sz w:val="22"/>
                <w:szCs w:val="22"/>
              </w:rPr>
              <w:t>D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shared action points and themes of the </w:t>
            </w:r>
            <w:r w:rsidRPr="00B86E52" w:rsidR="000B096A">
              <w:rPr>
                <w:rFonts w:ascii="Tahoma" w:hAnsi="Tahoma" w:eastAsia="Tahoma" w:cs="Tahoma"/>
                <w:iCs/>
                <w:sz w:val="22"/>
                <w:szCs w:val="22"/>
              </w:rPr>
              <w:t>SFC’s Net Zero and Sustainability Framework, noting that e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verything starts with leadership and accountability. </w:t>
            </w:r>
          </w:p>
          <w:p w:rsidRPr="00B86E52" w:rsidR="000B096A" w:rsidP="00E03797" w:rsidRDefault="000B096A" w14:paraId="421B6AD4" w14:textId="30DE1AB6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</w:p>
          <w:p w:rsidRPr="00B86E52" w:rsidR="000B096A" w:rsidP="00E03797" w:rsidRDefault="000B096A" w14:paraId="53B38DD6" w14:textId="26E0CFE6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Attendees were then invited to join breakout rooms to discuss three key questions:</w:t>
            </w:r>
          </w:p>
          <w:p w:rsidRPr="00B86E52" w:rsidR="000B096A" w:rsidP="00176748" w:rsidRDefault="000B096A" w14:paraId="3499EC25" w14:textId="77777777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What does the whole institutional response and mainstreaming net zero look like in your institution?</w:t>
            </w:r>
          </w:p>
          <w:p w:rsidRPr="00B86E52" w:rsidR="000B096A" w:rsidP="00176748" w:rsidRDefault="000B096A" w14:paraId="36DFF701" w14:textId="77777777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What barriers and enablers are there to mainstreaming at this point in time?</w:t>
            </w:r>
          </w:p>
          <w:p w:rsidRPr="00B86E52" w:rsidR="000B096A" w:rsidP="00176748" w:rsidRDefault="000B096A" w14:paraId="19946F57" w14:textId="161B783A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If you had to make one ask of SFC at this point in terms of discharging our role in supporting institutions net zero journeys what would that be?</w:t>
            </w:r>
          </w:p>
          <w:p w:rsidRPr="00B86E52" w:rsidR="00F153E7" w:rsidP="00E03797" w:rsidRDefault="00F153E7" w14:paraId="62F45FC6" w14:textId="4913A21A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/>
                <w:iCs/>
                <w:sz w:val="22"/>
                <w:szCs w:val="22"/>
              </w:rPr>
            </w:pPr>
          </w:p>
          <w:p w:rsidRPr="00B86E52" w:rsidR="003610A4" w:rsidP="00E03797" w:rsidRDefault="000B096A" w14:paraId="60C409D2" w14:textId="6C425724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These breakout rooms followed Chatham House Rule. General notes and themes follow: </w:t>
            </w:r>
          </w:p>
          <w:p w:rsidRPr="00B86E52" w:rsidR="00925467" w:rsidP="00176748" w:rsidRDefault="00925467" w14:paraId="39180503" w14:textId="0D0BD8CE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Whole organisation response </w:t>
            </w:r>
            <w:r w:rsidRPr="00B86E52" w:rsidR="00176748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of SFC is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appreciated</w:t>
            </w:r>
            <w:r w:rsidRPr="00B86E52" w:rsidR="00176748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, and there was support for creating a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community for action </w:t>
            </w:r>
            <w:r w:rsidRPr="00B86E52" w:rsidR="00176748">
              <w:rPr>
                <w:rFonts w:ascii="Tahoma" w:hAnsi="Tahoma" w:eastAsia="Tahoma" w:cs="Tahoma"/>
                <w:iCs/>
                <w:sz w:val="22"/>
                <w:szCs w:val="22"/>
              </w:rPr>
              <w:t>across public bodies</w:t>
            </w:r>
          </w:p>
          <w:p w:rsidRPr="00B86E52" w:rsidR="00B1139B" w:rsidP="00B1139B" w:rsidRDefault="00B1139B" w14:paraId="71E923AB" w14:textId="743BFB88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However, given the funding landscape, there are major operational challenges and concerns, especially around Scope 3, and some report that whole-institution responses are fragmented with sustainability action remaining estates-driven </w:t>
            </w:r>
          </w:p>
          <w:p w:rsidRPr="00B86E52" w:rsidR="00925467" w:rsidP="00176748" w:rsidRDefault="00176748" w14:paraId="78A1FB7D" w14:textId="58AC8BAD">
            <w:pPr>
              <w:pStyle w:val="paragraph"/>
              <w:numPr>
                <w:ilvl w:val="0"/>
                <w:numId w:val="1"/>
              </w:numPr>
              <w:spacing w:before="0" w:beforeAutospacing="0" w:after="0" w:afterAutospacing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Public bodies are facing the question “what do we care about?” in relation to funding and sustainability – for example, funding cuts</w:t>
            </w:r>
            <w:r w:rsidRPr="00B86E52" w:rsidR="00925467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increase</w:t>
            </w:r>
            <w:r w:rsidRPr="00B86E52" w:rsidR="00925467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reliance on international students, 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therefore</w:t>
            </w:r>
            <w:r w:rsidRPr="00B86E52" w:rsidR="00925467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increas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ing</w:t>
            </w:r>
            <w:r w:rsidRPr="00B86E52" w:rsidR="00925467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</w:t>
            </w:r>
            <w:r w:rsidRPr="00B86E52" w:rsidR="00B1139B">
              <w:rPr>
                <w:rFonts w:ascii="Tahoma" w:hAnsi="Tahoma" w:eastAsia="Tahoma" w:cs="Tahoma"/>
                <w:iCs/>
                <w:sz w:val="22"/>
                <w:szCs w:val="22"/>
              </w:rPr>
              <w:t>S</w:t>
            </w:r>
            <w:r w:rsidRPr="00B86E52" w:rsidR="00925467">
              <w:rPr>
                <w:rFonts w:ascii="Tahoma" w:hAnsi="Tahoma" w:eastAsia="Tahoma" w:cs="Tahoma"/>
                <w:iCs/>
                <w:sz w:val="22"/>
                <w:szCs w:val="22"/>
              </w:rPr>
              <w:t>cope 3 emissions</w:t>
            </w:r>
          </w:p>
          <w:p w:rsidRPr="00B86E52" w:rsidR="00176748" w:rsidP="00176748" w:rsidRDefault="00176748" w14:paraId="7F5F4166" w14:textId="6B48A270">
            <w:pPr>
              <w:pStyle w:val="ListParagraph"/>
              <w:numPr>
                <w:ilvl w:val="0"/>
                <w:numId w:val="1"/>
              </w:num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</w:rPr>
              <w:t xml:space="preserve">With funding representing the primary barrier faced across the sector, there is a desire to make the funding system simpler, more straightforward, and more flexible by developing a more transparent and effective funding model </w:t>
            </w:r>
          </w:p>
          <w:p w:rsidRPr="00B86E52" w:rsidR="00176748" w:rsidP="00B1139B" w:rsidRDefault="00B1139B" w14:paraId="533144F2" w14:textId="73C7C85D">
            <w:pPr>
              <w:pStyle w:val="ListParagraph"/>
              <w:numPr>
                <w:ilvl w:val="0"/>
                <w:numId w:val="1"/>
              </w:numPr>
              <w:rPr>
                <w:rFonts w:ascii="Tahoma" w:hAnsi="Tahoma" w:cs="Tahoma"/>
              </w:rPr>
            </w:pPr>
            <w:r w:rsidRPr="00B86E52">
              <w:rPr>
                <w:rFonts w:ascii="Tahoma" w:hAnsi="Tahoma" w:cs="Tahoma"/>
                <w:bCs/>
              </w:rPr>
              <w:t>Buildings</w:t>
            </w:r>
            <w:r w:rsidRPr="00B86E52" w:rsidR="00176748">
              <w:rPr>
                <w:rFonts w:ascii="Tahoma" w:hAnsi="Tahoma" w:cs="Tahoma"/>
              </w:rPr>
              <w:t xml:space="preserve"> and construction play a large role in perception of </w:t>
            </w:r>
            <w:r w:rsidRPr="00B86E52">
              <w:rPr>
                <w:rFonts w:ascii="Tahoma" w:hAnsi="Tahoma" w:cs="Tahoma"/>
              </w:rPr>
              <w:t>value for students and create competition between institutions – instead, we should focus on students’ lived experience, mobilising this highly motivated group for climate action</w:t>
            </w:r>
          </w:p>
          <w:p w:rsidRPr="00B86E52" w:rsidR="00B1139B" w:rsidP="00176748" w:rsidRDefault="00B1139B" w14:paraId="3B0BC2AE" w14:textId="3A328A3A">
            <w:pPr>
              <w:pStyle w:val="paragraph"/>
              <w:numPr>
                <w:ilvl w:val="0"/>
                <w:numId w:val="1"/>
              </w:numPr>
              <w:spacing w:after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With net zero success dependent on evolving technologies, smaller institutions are struggling to</w:t>
            </w:r>
            <w:r w:rsidRPr="00B86E52" w:rsidR="004368A0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find resources and expertise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</w:t>
            </w:r>
          </w:p>
          <w:p w:rsidRPr="00B86E52" w:rsidR="004368A0" w:rsidP="00B1139B" w:rsidRDefault="004368A0" w14:paraId="6804B9F6" w14:textId="4C889E83">
            <w:pPr>
              <w:pStyle w:val="paragraph"/>
              <w:numPr>
                <w:ilvl w:val="0"/>
                <w:numId w:val="1"/>
              </w:numPr>
              <w:spacing w:after="0"/>
              <w:rPr>
                <w:rFonts w:ascii="Tahoma" w:hAnsi="Tahoma" w:eastAsia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There is an understanding that</w:t>
            </w:r>
            <w:r w:rsidRPr="00B86E52" w:rsidR="00176748">
              <w:rPr>
                <w:rFonts w:ascii="Tahoma" w:hAnsi="Tahoma" w:eastAsia="Tahoma" w:cs="Tahoma"/>
                <w:iCs/>
                <w:sz w:val="22"/>
                <w:szCs w:val="22"/>
              </w:rPr>
              <w:t xml:space="preserve"> institutions can</w:t>
            </w:r>
            <w:r w:rsidRPr="00B86E52">
              <w:rPr>
                <w:rFonts w:ascii="Tahoma" w:hAnsi="Tahoma" w:eastAsia="Tahoma" w:cs="Tahoma"/>
                <w:iCs/>
                <w:sz w:val="22"/>
                <w:szCs w:val="22"/>
              </w:rPr>
              <w:t>not act alone, and will need to create networks – however, this creates organisational and funding challenges for institutions split between local authorities</w:t>
            </w:r>
          </w:p>
          <w:p w:rsidRPr="00B86E52" w:rsidR="00C07001" w:rsidP="79AF8231" w:rsidRDefault="004368A0" w14:noSpellErr="1" w14:paraId="0C0B75DD" w14:textId="7E583CD7">
            <w:pPr>
              <w:pStyle w:val="paragraph"/>
              <w:numPr>
                <w:ilvl w:val="0"/>
                <w:numId w:val="1"/>
              </w:numPr>
              <w:spacing w:after="0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  <w:r w:rsidRPr="79AF8231" w:rsidR="004368A0">
              <w:rPr>
                <w:rFonts w:ascii="Tahoma" w:hAnsi="Tahoma" w:eastAsia="Tahoma" w:cs="Tahoma"/>
                <w:sz w:val="22"/>
                <w:szCs w:val="22"/>
              </w:rPr>
              <w:t xml:space="preserve">Ultimately, there is concern that </w:t>
            </w:r>
            <w:r w:rsidRPr="79AF8231" w:rsidR="00176748">
              <w:rPr>
                <w:rFonts w:ascii="Tahoma" w:hAnsi="Tahoma" w:eastAsia="Tahoma" w:cs="Tahoma"/>
                <w:sz w:val="22"/>
                <w:szCs w:val="22"/>
              </w:rPr>
              <w:t xml:space="preserve">sustainability </w:t>
            </w:r>
            <w:r w:rsidRPr="79AF8231" w:rsidR="004368A0">
              <w:rPr>
                <w:rFonts w:ascii="Tahoma" w:hAnsi="Tahoma" w:eastAsia="Tahoma" w:cs="Tahoma"/>
                <w:sz w:val="22"/>
                <w:szCs w:val="22"/>
              </w:rPr>
              <w:t>is still viewed as a</w:t>
            </w:r>
            <w:r w:rsidRPr="79AF8231" w:rsidR="00176748">
              <w:rPr>
                <w:rFonts w:ascii="Tahoma" w:hAnsi="Tahoma" w:eastAsia="Tahoma" w:cs="Tahoma"/>
                <w:sz w:val="22"/>
                <w:szCs w:val="22"/>
              </w:rPr>
              <w:t xml:space="preserve"> tick box </w:t>
            </w:r>
            <w:r w:rsidRPr="79AF8231" w:rsidR="004368A0">
              <w:rPr>
                <w:rFonts w:ascii="Tahoma" w:hAnsi="Tahoma" w:eastAsia="Tahoma" w:cs="Tahoma"/>
                <w:sz w:val="22"/>
                <w:szCs w:val="22"/>
              </w:rPr>
              <w:t>exercise, and desire for SFC to robustly demonstrate that this is not the case</w:t>
            </w:r>
          </w:p>
          <w:p w:rsidRPr="00B86E52" w:rsidR="00C07001" w:rsidP="79AF8231" w:rsidRDefault="004368A0" w14:paraId="5B2A260B" w14:textId="199D743B">
            <w:pPr>
              <w:pStyle w:val="paragraph"/>
              <w:spacing w:after="0"/>
              <w:ind w:left="0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7B025686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5451DF75" w14:textId="77777777">
        <w:tc>
          <w:tcPr>
            <w:tcW w:w="562" w:type="dxa"/>
            <w:tcMar/>
          </w:tcPr>
          <w:p w:rsidRPr="00B86E52" w:rsidR="00C07001" w:rsidP="00E03797" w:rsidRDefault="00C07001" w14:paraId="56ACA35D" w14:textId="77777777">
            <w:pPr>
              <w:pStyle w:val="paragraph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6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3804080B" w14:textId="77777777">
            <w:pPr>
              <w:pStyle w:val="paragraph"/>
              <w:spacing w:before="0" w:beforeAutospacing="0" w:after="0" w:afterAutospacing="0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eastAsia="Tahoma" w:cs="Tahoma"/>
                <w:b/>
                <w:bCs/>
                <w:sz w:val="22"/>
                <w:szCs w:val="22"/>
              </w:rPr>
              <w:t>Green Gown Awards 2022 Case Study: Borders College (Winner in the category of 2030 Climate Action)</w:t>
            </w:r>
            <w:r w:rsidRPr="00B86E52">
              <w:rPr>
                <w:rStyle w:val="eop"/>
                <w:rFonts w:ascii="Tahoma" w:hAnsi="Tahoma" w:eastAsia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0DB55EFF" w14:textId="71478E29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/>
                <w:iCs/>
                <w:sz w:val="22"/>
                <w:szCs w:val="22"/>
              </w:rPr>
              <w:t>Robert Hewitt, Borders College</w:t>
            </w:r>
          </w:p>
          <w:p w:rsidRPr="00B86E52" w:rsidR="000B096A" w:rsidP="00E03797" w:rsidRDefault="000B096A" w14:paraId="6125BDB8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  <w:p w:rsidRPr="00B86E52" w:rsidR="000B096A" w:rsidP="5DB9F122" w:rsidRDefault="000B096A" w14:paraId="6164C0DB" w14:textId="77777777" w14:noSpellErr="1">
            <w:pPr>
              <w:pStyle w:val="paragraph"/>
              <w:spacing w:before="0" w:beforeAutospacing="off" w:after="0" w:afterAutospacing="off"/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</w:pPr>
            <w:hyperlink r:id="Rb5c353691a7e4cc6">
              <w:r w:rsidRPr="5DB9F122" w:rsidR="000B096A">
                <w:rPr>
                  <w:rStyle w:val="Hyperlink"/>
                  <w:rFonts w:ascii="Tahoma" w:hAnsi="Tahoma" w:eastAsia="Tahoma" w:cs="Tahoma"/>
                  <w:i w:val="1"/>
                  <w:iCs w:val="1"/>
                  <w:sz w:val="22"/>
                  <w:szCs w:val="22"/>
                </w:rPr>
                <w:t>This presentation can be viewed via the Sustainability Exchange.</w:t>
              </w:r>
            </w:hyperlink>
            <w:r w:rsidRPr="5DB9F122" w:rsidR="000B096A">
              <w:rPr>
                <w:rFonts w:ascii="Tahoma" w:hAnsi="Tahoma" w:eastAsia="Tahoma" w:cs="Tahoma"/>
                <w:i w:val="1"/>
                <w:iCs w:val="1"/>
                <w:sz w:val="22"/>
                <w:szCs w:val="22"/>
              </w:rPr>
              <w:t xml:space="preserve"> </w:t>
            </w:r>
          </w:p>
          <w:p w:rsidRPr="00B86E52" w:rsidR="00C07001" w:rsidP="00E03797" w:rsidRDefault="00C07001" w14:paraId="020A1DAE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/>
                <w:iCs/>
                <w:sz w:val="22"/>
                <w:szCs w:val="22"/>
              </w:rPr>
            </w:pPr>
          </w:p>
          <w:p w:rsidRPr="00B86E52" w:rsidR="00C07001" w:rsidP="00E03797" w:rsidRDefault="00A01937" w14:paraId="592142CC" w14:textId="138BA45B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lastRenderedPageBreak/>
              <w:t xml:space="preserve">Borders College is one of the </w:t>
            </w:r>
            <w:proofErr w:type="gramStart"/>
            <w:r w:rsidRPr="00B86E52">
              <w:rPr>
                <w:rFonts w:ascii="Tahoma" w:hAnsi="Tahoma" w:cs="Tahoma"/>
                <w:iCs/>
                <w:sz w:val="22"/>
                <w:szCs w:val="22"/>
              </w:rPr>
              <w:t>smallest</w:t>
            </w:r>
            <w:proofErr w:type="gramEnd"/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in Scotland</w:t>
            </w:r>
            <w:r w:rsidRPr="00B86E52" w:rsidR="000A5621">
              <w:rPr>
                <w:rFonts w:ascii="Tahoma" w:hAnsi="Tahoma" w:cs="Tahoma"/>
                <w:iCs/>
                <w:sz w:val="22"/>
                <w:szCs w:val="22"/>
              </w:rPr>
              <w:t xml:space="preserve"> with four campuse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covering a very large</w:t>
            </w:r>
            <w:r w:rsidRPr="00B86E52" w:rsidR="00890562">
              <w:rPr>
                <w:rFonts w:ascii="Tahoma" w:hAnsi="Tahoma" w:cs="Tahoma"/>
                <w:iCs/>
                <w:sz w:val="22"/>
                <w:szCs w:val="22"/>
              </w:rPr>
              <w:t xml:space="preserve"> and very rural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geographical area. </w:t>
            </w:r>
          </w:p>
          <w:p w:rsidRPr="00B86E52" w:rsidR="00890562" w:rsidP="00E03797" w:rsidRDefault="00890562" w14:paraId="6F2D0309" w14:textId="2CDA512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B25C53" w:rsidP="00E03797" w:rsidRDefault="00890562" w14:paraId="246F294F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When they started to develop their new strategy in 2019, the first thing they did was look at previous achievements – from EVs and solar PV to keep cups and hedgehog houses. In developing the new strategy, they took a leadership-approach, engaging with senior management to develop strategic objectives and performance measures. </w:t>
            </w:r>
          </w:p>
          <w:p w:rsidRPr="00B86E52" w:rsidR="00B25C53" w:rsidP="00E03797" w:rsidRDefault="00B25C53" w14:paraId="5D9B0546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B25C53" w:rsidP="00E03797" w:rsidRDefault="00B25C53" w14:paraId="325383E7" w14:textId="77D414A1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Underpinning this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 xml:space="preserve">strategy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were the key themes of b</w:t>
            </w:r>
            <w:r w:rsidRPr="00B86E52" w:rsidR="00890562">
              <w:rPr>
                <w:rFonts w:ascii="Tahoma" w:hAnsi="Tahoma" w:cs="Tahoma"/>
                <w:iCs/>
                <w:sz w:val="22"/>
                <w:szCs w:val="22"/>
              </w:rPr>
              <w:t>ehavioural change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, c</w:t>
            </w:r>
            <w:r w:rsidRPr="00B86E52" w:rsidR="00890562">
              <w:rPr>
                <w:rFonts w:ascii="Tahoma" w:hAnsi="Tahoma" w:cs="Tahoma"/>
                <w:iCs/>
                <w:sz w:val="22"/>
                <w:szCs w:val="22"/>
              </w:rPr>
              <w:t xml:space="preserve">ircular economy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and g</w:t>
            </w:r>
            <w:r w:rsidRPr="00B86E52" w:rsidR="00890562">
              <w:rPr>
                <w:rFonts w:ascii="Tahoma" w:hAnsi="Tahoma" w:cs="Tahoma"/>
                <w:iCs/>
                <w:sz w:val="22"/>
                <w:szCs w:val="22"/>
              </w:rPr>
              <w:t>lobal citizenship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.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>These informed 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trategic objectives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>ranging from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>adopting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ethical and sustainable practices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 xml:space="preserve"> and embedding these within curricula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,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>to reducing S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ope 3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 xml:space="preserve"> emissions, to working with partners across to region to support the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green economy and 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 xml:space="preserve">embed 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>green skills</w:t>
            </w:r>
            <w:r w:rsidRPr="00B86E52" w:rsidR="009A092D">
              <w:rPr>
                <w:rFonts w:ascii="Tahoma" w:hAnsi="Tahoma" w:cs="Tahoma"/>
                <w:iCs/>
                <w:sz w:val="22"/>
                <w:szCs w:val="22"/>
              </w:rPr>
              <w:t xml:space="preserve">. </w:t>
            </w:r>
          </w:p>
          <w:p w:rsidRPr="00B86E52" w:rsidR="009A092D" w:rsidP="00E03797" w:rsidRDefault="009A092D" w14:paraId="1E284E11" w14:textId="0B47931C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9A092D" w:rsidP="00E03797" w:rsidRDefault="009A092D" w14:paraId="53E33DBC" w14:textId="470DA59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This led to a realisation that during the previous ten years their response had been too narrow in focus. Having the buy-in of senior management for this strategic plan, allowed them to work on a cross-college response. They developed seven individual plans diversified across the college and covering:</w:t>
            </w:r>
          </w:p>
          <w:p w:rsidRPr="00B86E52" w:rsidR="009A092D" w:rsidP="009A092D" w:rsidRDefault="009A092D" w14:paraId="71955EC6" w14:textId="647BD4D1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Carbon management</w:t>
            </w:r>
          </w:p>
          <w:p w:rsidRPr="00B86E52" w:rsidR="009A092D" w:rsidP="009A092D" w:rsidRDefault="009A092D" w14:paraId="7DA04843" w14:textId="13234338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Travel and transport</w:t>
            </w:r>
          </w:p>
          <w:p w:rsidRPr="00B86E52" w:rsidR="009A092D" w:rsidP="009A092D" w:rsidRDefault="009A092D" w14:paraId="166A9F82" w14:textId="0D7701F8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Waste management</w:t>
            </w:r>
          </w:p>
          <w:p w:rsidRPr="00B86E52" w:rsidR="009A092D" w:rsidP="009A092D" w:rsidRDefault="009A092D" w14:paraId="0856C3AF" w14:textId="7885CA88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Procurement</w:t>
            </w:r>
          </w:p>
          <w:p w:rsidRPr="00B86E52" w:rsidR="009A092D" w:rsidP="009A092D" w:rsidRDefault="009A092D" w14:paraId="3FB7C70E" w14:textId="5300F683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Biodiversity</w:t>
            </w:r>
          </w:p>
          <w:p w:rsidRPr="00B86E52" w:rsidR="009A092D" w:rsidP="009A092D" w:rsidRDefault="009A092D" w14:paraId="66FDF048" w14:textId="7FBB6F36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Curriculum </w:t>
            </w:r>
          </w:p>
          <w:p w:rsidRPr="00B86E52" w:rsidR="00613E45" w:rsidP="00E03797" w:rsidRDefault="009A092D" w14:paraId="2369C195" w14:textId="355F8198">
            <w:pPr>
              <w:pStyle w:val="paragraph"/>
              <w:numPr>
                <w:ilvl w:val="0"/>
                <w:numId w:val="11"/>
              </w:numPr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>Behaviour change</w:t>
            </w:r>
          </w:p>
          <w:p w:rsidRPr="00B86E52" w:rsidR="009A092D" w:rsidP="009A092D" w:rsidRDefault="009A092D" w14:paraId="2BFB760B" w14:textId="77777777">
            <w:pPr>
              <w:pStyle w:val="paragraph"/>
              <w:spacing w:before="0" w:beforeAutospacing="0" w:after="0" w:afterAutospacing="0"/>
              <w:ind w:left="72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9A092D" w:rsidP="00E03797" w:rsidRDefault="009A092D" w14:paraId="6C069B2C" w14:textId="468860D0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All of these plans sat with senior executive members and directors within the college in order to drive them forward. </w:t>
            </w:r>
          </w:p>
          <w:p w:rsidRPr="00B86E52" w:rsidR="009A092D" w:rsidP="00E03797" w:rsidRDefault="009A092D" w14:paraId="1CAA6EC4" w14:textId="51681E55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9A092D" w:rsidP="00E03797" w:rsidRDefault="009A092D" w14:paraId="22608782" w14:textId="1F96CC89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Other key elements of the strategy included work with EAUC Scotland, particularly the </w:t>
            </w:r>
            <w:r w:rsidRPr="00B86E52" w:rsidR="00CE055B">
              <w:rPr>
                <w:rFonts w:ascii="Tahoma" w:hAnsi="Tahoma" w:cs="Tahoma"/>
                <w:iCs/>
                <w:sz w:val="22"/>
                <w:szCs w:val="22"/>
              </w:rPr>
              <w:t xml:space="preserve">Central and South of Scotland College Partnership. </w:t>
            </w:r>
          </w:p>
          <w:p w:rsidRPr="00B86E52" w:rsidR="009A092D" w:rsidP="00E03797" w:rsidRDefault="009A092D" w14:paraId="1A5E16F1" w14:textId="77777777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</w:p>
          <w:p w:rsidRPr="00B86E52" w:rsidR="00C07001" w:rsidP="00CE055B" w:rsidRDefault="00CE055B" w14:paraId="3D2BC3B2" w14:textId="6602EFF2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iCs/>
                <w:sz w:val="22"/>
                <w:szCs w:val="22"/>
              </w:rPr>
            </w:pP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The </w:t>
            </w:r>
            <w:hyperlink w:history="1" r:id="rId14">
              <w:r w:rsidRPr="00707762">
                <w:rPr>
                  <w:rStyle w:val="Hyperlink"/>
                  <w:rFonts w:ascii="Tahoma" w:hAnsi="Tahoma" w:cs="Tahoma"/>
                  <w:iCs/>
                  <w:sz w:val="22"/>
                  <w:szCs w:val="22"/>
                </w:rPr>
                <w:t>Green Gown Awards</w:t>
              </w:r>
            </w:hyperlink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found the project to be a comprehensive whole-institution approach, replicable in large and small institutions alike. Those interested in reading more about the </w:t>
            </w:r>
            <w:hyperlink w:history="1" r:id="rId15">
              <w:r w:rsidRPr="00707762" w:rsidR="00707762">
                <w:rPr>
                  <w:rStyle w:val="Hyperlink"/>
                  <w:rFonts w:ascii="Tahoma" w:hAnsi="Tahoma" w:cs="Tahoma"/>
                  <w:iCs/>
                  <w:sz w:val="22"/>
                  <w:szCs w:val="22"/>
                </w:rPr>
                <w:t xml:space="preserve">Borders College sustainability </w:t>
              </w:r>
              <w:r w:rsidRPr="00707762">
                <w:rPr>
                  <w:rStyle w:val="Hyperlink"/>
                  <w:rFonts w:ascii="Tahoma" w:hAnsi="Tahoma" w:cs="Tahoma"/>
                  <w:iCs/>
                  <w:sz w:val="22"/>
                  <w:szCs w:val="22"/>
                </w:rPr>
                <w:t>strategy</w:t>
              </w:r>
            </w:hyperlink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can do so via </w:t>
            </w:r>
            <w:r w:rsidR="00707762">
              <w:rPr>
                <w:rFonts w:ascii="Tahoma" w:hAnsi="Tahoma" w:cs="Tahoma"/>
                <w:iCs/>
                <w:sz w:val="22"/>
                <w:szCs w:val="22"/>
              </w:rPr>
              <w:t>their</w:t>
            </w:r>
            <w:r w:rsidRPr="00B86E52">
              <w:rPr>
                <w:rFonts w:ascii="Tahoma" w:hAnsi="Tahoma" w:cs="Tahoma"/>
                <w:iCs/>
                <w:sz w:val="22"/>
                <w:szCs w:val="22"/>
              </w:rPr>
              <w:t xml:space="preserve"> website. </w:t>
            </w:r>
          </w:p>
          <w:p w:rsidRPr="00B86E52" w:rsidR="00CE055B" w:rsidP="00CE055B" w:rsidRDefault="00CE055B" w14:paraId="6C0C7ADA" w14:textId="7731663A">
            <w:pPr>
              <w:pStyle w:val="paragraph"/>
              <w:spacing w:before="0" w:beforeAutospacing="0" w:after="0" w:afterAutospacing="0"/>
              <w:rPr>
                <w:rFonts w:ascii="Tahoma" w:hAnsi="Tahoma" w:cs="Tahoma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5D1FFDF" w14:textId="77777777">
            <w:pPr>
              <w:pStyle w:val="paragraph"/>
              <w:spacing w:before="0" w:beforeAutospacing="0" w:after="0" w:afterAutospacing="0"/>
              <w:rPr>
                <w:rFonts w:ascii="Tahoma" w:hAnsi="Tahoma" w:eastAsia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61EEEA31" w14:textId="77777777">
        <w:tc>
          <w:tcPr>
            <w:tcW w:w="562" w:type="dxa"/>
            <w:tcMar/>
          </w:tcPr>
          <w:p w:rsidRPr="00B86E52" w:rsidR="00C07001" w:rsidP="00E03797" w:rsidRDefault="00C07001" w14:paraId="63F6765A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7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0127354A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AG voting result and AOB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5833FC26" w14:textId="79417B66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Christine Calder, Dundee &amp; Angus College and EAUC</w:t>
            </w:r>
            <w:r w:rsidRPr="00B86E52" w:rsidR="0052027D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 xml:space="preserve"> </w:t>
            </w: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Scotland Convenor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5D5D1459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  <w:p w:rsidRPr="00B86E52" w:rsidR="00613E45" w:rsidP="00E03797" w:rsidRDefault="00613E45" w14:paraId="78C31C72" w14:textId="0F136082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sz w:val="22"/>
                <w:szCs w:val="22"/>
              </w:rPr>
            </w:pPr>
            <w:r w:rsidRPr="00B86E52">
              <w:rPr>
                <w:rFonts w:ascii="Tahoma" w:hAnsi="Tahoma" w:cs="Tahoma"/>
                <w:sz w:val="22"/>
                <w:szCs w:val="22"/>
              </w:rPr>
              <w:t xml:space="preserve">Dr Roddy Yarr </w:t>
            </w:r>
            <w:r w:rsidRPr="00B86E52" w:rsidR="000A5621">
              <w:rPr>
                <w:rFonts w:ascii="Tahoma" w:hAnsi="Tahoma" w:cs="Tahoma"/>
                <w:sz w:val="22"/>
                <w:szCs w:val="22"/>
              </w:rPr>
              <w:t>wa</w:t>
            </w:r>
            <w:r w:rsidRPr="00B86E52" w:rsidR="00983BAC">
              <w:rPr>
                <w:rFonts w:ascii="Tahoma" w:hAnsi="Tahoma" w:cs="Tahoma"/>
                <w:sz w:val="22"/>
                <w:szCs w:val="22"/>
              </w:rPr>
              <w:t xml:space="preserve">s </w:t>
            </w:r>
            <w:r w:rsidRPr="00B86E52">
              <w:rPr>
                <w:rFonts w:ascii="Tahoma" w:hAnsi="Tahoma" w:cs="Tahoma"/>
                <w:sz w:val="22"/>
                <w:szCs w:val="22"/>
              </w:rPr>
              <w:t xml:space="preserve">re-elected with 100% of the vote. </w:t>
            </w:r>
            <w:bookmarkStart w:name="_GoBack" w:id="0"/>
            <w:bookmarkEnd w:id="0"/>
          </w:p>
          <w:p w:rsidRPr="00B86E52" w:rsidR="00C07001" w:rsidP="00E03797" w:rsidRDefault="00C07001" w14:paraId="49198773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736E1A2B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  <w:tr w:rsidRPr="00B86E52" w:rsidR="00707762" w:rsidTr="38C4279F" w14:paraId="6DBB20AE" w14:textId="77777777">
        <w:tc>
          <w:tcPr>
            <w:tcW w:w="562" w:type="dxa"/>
            <w:tcMar/>
          </w:tcPr>
          <w:p w:rsidRPr="00B86E52" w:rsidR="00C07001" w:rsidP="00E03797" w:rsidRDefault="00C07001" w14:paraId="259B3C55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sz w:val="22"/>
                <w:szCs w:val="22"/>
              </w:rPr>
              <w:t>8</w:t>
            </w:r>
          </w:p>
        </w:tc>
        <w:tc>
          <w:tcPr>
            <w:tcW w:w="6804" w:type="dxa"/>
            <w:tcMar/>
          </w:tcPr>
          <w:p w:rsidRPr="00B86E52" w:rsidR="00C07001" w:rsidP="00E03797" w:rsidRDefault="00C07001" w14:paraId="4F665D3F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  <w:proofErr w:type="gramStart"/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>Thanks</w:t>
            </w:r>
            <w:proofErr w:type="gramEnd"/>
            <w:r w:rsidRPr="00B86E52"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  <w:t xml:space="preserve"> and Close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251427F5" w14:textId="78AB0AE0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Christine Calder, Dundee &amp; Angus College and EAUC</w:t>
            </w:r>
            <w:r w:rsidRPr="00B86E52" w:rsidR="0052027D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 xml:space="preserve"> </w:t>
            </w:r>
            <w:r w:rsidRPr="00B86E52">
              <w:rPr>
                <w:rStyle w:val="normaltextrun"/>
                <w:rFonts w:ascii="Tahoma" w:hAnsi="Tahoma" w:cs="Tahoma"/>
                <w:i/>
                <w:iCs/>
                <w:sz w:val="22"/>
                <w:szCs w:val="22"/>
              </w:rPr>
              <w:t>Scotland Convenor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> </w:t>
            </w:r>
          </w:p>
          <w:p w:rsidRPr="00B86E52" w:rsidR="00C07001" w:rsidP="00E03797" w:rsidRDefault="00C07001" w14:paraId="114DB554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</w:p>
          <w:p w:rsidRPr="00B86E52" w:rsidR="00C07001" w:rsidP="00E03797" w:rsidRDefault="00613E45" w14:paraId="6D320A64" w14:textId="0B2B14E4">
            <w:pPr>
              <w:pStyle w:val="paragraph"/>
              <w:spacing w:before="0" w:beforeAutospacing="0" w:after="0" w:afterAutospacing="0"/>
              <w:textAlignment w:val="baseline"/>
              <w:rPr>
                <w:rStyle w:val="eop"/>
                <w:rFonts w:ascii="Tahoma" w:hAnsi="Tahoma" w:cs="Tahoma"/>
                <w:sz w:val="22"/>
                <w:szCs w:val="22"/>
              </w:rPr>
            </w:pP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lastRenderedPageBreak/>
              <w:t>C</w:t>
            </w:r>
            <w:r w:rsidRPr="00B86E52" w:rsidR="00983BAC">
              <w:rPr>
                <w:rStyle w:val="eop"/>
                <w:rFonts w:ascii="Tahoma" w:hAnsi="Tahoma" w:cs="Tahoma"/>
                <w:sz w:val="22"/>
                <w:szCs w:val="22"/>
              </w:rPr>
              <w:t>C</w:t>
            </w:r>
            <w:r w:rsidRPr="00B86E52">
              <w:rPr>
                <w:rStyle w:val="eop"/>
                <w:rFonts w:ascii="Tahoma" w:hAnsi="Tahoma" w:cs="Tahoma"/>
                <w:sz w:val="22"/>
                <w:szCs w:val="22"/>
              </w:rPr>
              <w:t xml:space="preserve"> thanked all speakers and attendees. </w:t>
            </w:r>
          </w:p>
          <w:p w:rsidRPr="00B86E52" w:rsidR="00C07001" w:rsidP="00E03797" w:rsidRDefault="00C07001" w14:paraId="33C584FB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Fonts w:ascii="Tahoma" w:hAnsi="Tahoma" w:cs="Tahoma"/>
                <w:color w:val="405C99"/>
                <w:sz w:val="22"/>
                <w:szCs w:val="22"/>
              </w:rPr>
            </w:pPr>
          </w:p>
        </w:tc>
        <w:tc>
          <w:tcPr>
            <w:tcW w:w="1650" w:type="dxa"/>
            <w:tcMar/>
          </w:tcPr>
          <w:p w:rsidRPr="00B86E52" w:rsidR="00C07001" w:rsidP="00E03797" w:rsidRDefault="00C07001" w14:paraId="3B8B6554" w14:textId="77777777">
            <w:pPr>
              <w:pStyle w:val="paragraph"/>
              <w:spacing w:before="0" w:beforeAutospacing="0" w:after="0" w:afterAutospacing="0"/>
              <w:textAlignment w:val="baseline"/>
              <w:rPr>
                <w:rStyle w:val="normaltextrun"/>
                <w:rFonts w:ascii="Tahoma" w:hAnsi="Tahoma" w:cs="Tahoma"/>
                <w:b/>
                <w:bCs/>
                <w:sz w:val="22"/>
                <w:szCs w:val="22"/>
              </w:rPr>
            </w:pPr>
          </w:p>
        </w:tc>
      </w:tr>
    </w:tbl>
    <w:p w:rsidR="00C07001" w:rsidP="00B86E52" w:rsidRDefault="00B86E52" w14:paraId="3EE192E5" w14:textId="24582C9D">
      <w:pPr>
        <w:jc w:val="right"/>
      </w:pPr>
      <w:r>
        <w:t xml:space="preserve"> </w:t>
      </w:r>
      <w:r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Minutes prepared by Alice </w:t>
      </w:r>
      <w:proofErr w:type="spellStart"/>
      <w:r>
        <w:rPr>
          <w:rStyle w:val="normaltextrun"/>
          <w:rFonts w:ascii="Tahoma" w:hAnsi="Tahoma" w:cs="Tahoma"/>
          <w:color w:val="000000"/>
          <w:shd w:val="clear" w:color="auto" w:fill="FFFFFF"/>
        </w:rPr>
        <w:t>Smith,</w:t>
      </w:r>
      <w:proofErr w:type="spellEnd"/>
      <w:r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 EAUC</w:t>
      </w:r>
      <w:r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 </w:t>
      </w:r>
      <w:r>
        <w:rPr>
          <w:rStyle w:val="normaltextrun"/>
          <w:rFonts w:ascii="Tahoma" w:hAnsi="Tahoma" w:cs="Tahoma"/>
          <w:color w:val="000000"/>
          <w:shd w:val="clear" w:color="auto" w:fill="FFFFFF"/>
        </w:rPr>
        <w:t xml:space="preserve">Scotland, April </w:t>
      </w:r>
      <w:r>
        <w:rPr>
          <w:rStyle w:val="normaltextrun"/>
          <w:rFonts w:ascii="Tahoma" w:hAnsi="Tahoma" w:cs="Tahoma"/>
          <w:color w:val="000000"/>
          <w:shd w:val="clear" w:color="auto" w:fill="FFFFFF"/>
        </w:rPr>
        <w:t>2023</w:t>
      </w:r>
    </w:p>
    <w:sectPr w:rsidR="00C07001" w:rsidSect="00B86E52">
      <w:pgSz w:w="11906" w:h="16838" w:orient="portrait"/>
      <w:pgMar w:top="1440" w:right="1440" w:bottom="1440" w:left="1440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B86E52" w:rsidP="00B86E52" w:rsidRDefault="00B86E52" w14:paraId="44143295" w14:textId="77777777">
      <w:pPr>
        <w:spacing w:after="0" w:line="240" w:lineRule="auto"/>
      </w:pPr>
      <w:r>
        <w:separator/>
      </w:r>
    </w:p>
  </w:endnote>
  <w:endnote w:type="continuationSeparator" w:id="0">
    <w:p w:rsidR="00B86E52" w:rsidP="00B86E52" w:rsidRDefault="00B86E52" w14:paraId="0CFC1E6F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B86E52" w:rsidP="00B86E52" w:rsidRDefault="00B86E52" w14:paraId="52BE35ED" w14:textId="77777777">
      <w:pPr>
        <w:spacing w:after="0" w:line="240" w:lineRule="auto"/>
      </w:pPr>
      <w:r>
        <w:separator/>
      </w:r>
    </w:p>
  </w:footnote>
  <w:footnote w:type="continuationSeparator" w:id="0">
    <w:p w:rsidR="00B86E52" w:rsidP="00B86E52" w:rsidRDefault="00B86E52" w14:paraId="5FC432B6" w14:textId="7777777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163C2E"/>
    <w:multiLevelType w:val="hybridMultilevel"/>
    <w:tmpl w:val="D924ED24"/>
    <w:lvl w:ilvl="0" w:tplc="B362622E">
      <w:start w:val="6"/>
      <w:numFmt w:val="bullet"/>
      <w:lvlText w:val="-"/>
      <w:lvlJc w:val="left"/>
      <w:pPr>
        <w:ind w:left="720" w:hanging="360"/>
      </w:pPr>
      <w:rPr>
        <w:rFonts w:hint="default" w:ascii="Calibri" w:hAnsi="Calibri" w:cs="Calibri" w:eastAsiaTheme="minorHAnsi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" w15:restartNumberingAfterBreak="0">
    <w:nsid w:val="0A616514"/>
    <w:multiLevelType w:val="hybridMultilevel"/>
    <w:tmpl w:val="E22EC422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" w15:restartNumberingAfterBreak="0">
    <w:nsid w:val="0F723E1B"/>
    <w:multiLevelType w:val="hybridMultilevel"/>
    <w:tmpl w:val="8A50B3A4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" w15:restartNumberingAfterBreak="0">
    <w:nsid w:val="15687D98"/>
    <w:multiLevelType w:val="hybridMultilevel"/>
    <w:tmpl w:val="E714A4BC"/>
    <w:lvl w:ilvl="0" w:tplc="08090001">
      <w:start w:val="1"/>
      <w:numFmt w:val="bullet"/>
      <w:lvlText w:val=""/>
      <w:lvlJc w:val="left"/>
      <w:pPr>
        <w:ind w:left="855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575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295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3015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735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455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175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895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615" w:hanging="360"/>
      </w:pPr>
      <w:rPr>
        <w:rFonts w:hint="default" w:ascii="Wingdings" w:hAnsi="Wingdings"/>
      </w:rPr>
    </w:lvl>
  </w:abstractNum>
  <w:abstractNum w:abstractNumId="4" w15:restartNumberingAfterBreak="0">
    <w:nsid w:val="48687E94"/>
    <w:multiLevelType w:val="hybridMultilevel"/>
    <w:tmpl w:val="86C81C68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5" w15:restartNumberingAfterBreak="0">
    <w:nsid w:val="4F72217D"/>
    <w:multiLevelType w:val="hybridMultilevel"/>
    <w:tmpl w:val="ED64A57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6" w15:restartNumberingAfterBreak="0">
    <w:nsid w:val="61E43246"/>
    <w:multiLevelType w:val="hybridMultilevel"/>
    <w:tmpl w:val="CB088A9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7" w15:restartNumberingAfterBreak="0">
    <w:nsid w:val="6B515D58"/>
    <w:multiLevelType w:val="hybridMultilevel"/>
    <w:tmpl w:val="80D4B22A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8" w15:restartNumberingAfterBreak="0">
    <w:nsid w:val="6E7F463F"/>
    <w:multiLevelType w:val="hybridMultilevel"/>
    <w:tmpl w:val="33FA68D8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9" w15:restartNumberingAfterBreak="0">
    <w:nsid w:val="74262C7E"/>
    <w:multiLevelType w:val="hybridMultilevel"/>
    <w:tmpl w:val="428AFCBC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0" w15:restartNumberingAfterBreak="0">
    <w:nsid w:val="7D58698F"/>
    <w:multiLevelType w:val="hybridMultilevel"/>
    <w:tmpl w:val="C4AC7502"/>
    <w:lvl w:ilvl="0" w:tplc="08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1">
    <w:abstractNumId w:val="2"/>
  </w:num>
  <w:num w:numId="2">
    <w:abstractNumId w:val="9"/>
  </w:num>
  <w:num w:numId="3">
    <w:abstractNumId w:val="3"/>
  </w:num>
  <w:num w:numId="4">
    <w:abstractNumId w:val="5"/>
  </w:num>
  <w:num w:numId="5">
    <w:abstractNumId w:val="10"/>
  </w:num>
  <w:num w:numId="6">
    <w:abstractNumId w:val="7"/>
  </w:num>
  <w:num w:numId="7">
    <w:abstractNumId w:val="6"/>
  </w:num>
  <w:num w:numId="8">
    <w:abstractNumId w:val="4"/>
  </w:num>
  <w:num w:numId="9">
    <w:abstractNumId w:val="8"/>
  </w:num>
  <w:num w:numId="10">
    <w:abstractNumId w:val="0"/>
  </w:num>
  <w:num w:numId="11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trackRevisions w:val="false"/>
  <w:defaultTabStop w:val="720"/>
  <w:characterSpacingControl w:val="doNotCompress"/>
  <w:hdrShapeDefaults>
    <o:shapedefaults v:ext="edit" spidmax="307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07001"/>
    <w:rsid w:val="00004788"/>
    <w:rsid w:val="0009192D"/>
    <w:rsid w:val="000A5621"/>
    <w:rsid w:val="000B096A"/>
    <w:rsid w:val="00176748"/>
    <w:rsid w:val="002C5594"/>
    <w:rsid w:val="003610A4"/>
    <w:rsid w:val="00425D1F"/>
    <w:rsid w:val="004368A0"/>
    <w:rsid w:val="004F2879"/>
    <w:rsid w:val="00507A0C"/>
    <w:rsid w:val="0052027D"/>
    <w:rsid w:val="0057236E"/>
    <w:rsid w:val="005E0F13"/>
    <w:rsid w:val="00613E45"/>
    <w:rsid w:val="00637E05"/>
    <w:rsid w:val="006A6C97"/>
    <w:rsid w:val="00707762"/>
    <w:rsid w:val="00857233"/>
    <w:rsid w:val="00890562"/>
    <w:rsid w:val="008B05AF"/>
    <w:rsid w:val="00925467"/>
    <w:rsid w:val="00983BAC"/>
    <w:rsid w:val="009A092D"/>
    <w:rsid w:val="009E7B31"/>
    <w:rsid w:val="00A01937"/>
    <w:rsid w:val="00A80F2B"/>
    <w:rsid w:val="00AF58F1"/>
    <w:rsid w:val="00B1139B"/>
    <w:rsid w:val="00B25C53"/>
    <w:rsid w:val="00B86E52"/>
    <w:rsid w:val="00BA0EB0"/>
    <w:rsid w:val="00BA42C3"/>
    <w:rsid w:val="00C07001"/>
    <w:rsid w:val="00C741E7"/>
    <w:rsid w:val="00C948BB"/>
    <w:rsid w:val="00CE055B"/>
    <w:rsid w:val="00CF1EB0"/>
    <w:rsid w:val="00CF275D"/>
    <w:rsid w:val="00CF35D5"/>
    <w:rsid w:val="00CF638F"/>
    <w:rsid w:val="00DD4493"/>
    <w:rsid w:val="00E03797"/>
    <w:rsid w:val="00E1653E"/>
    <w:rsid w:val="00F153E7"/>
    <w:rsid w:val="0530B6B4"/>
    <w:rsid w:val="0B299CC8"/>
    <w:rsid w:val="0F838BC6"/>
    <w:rsid w:val="165A01D4"/>
    <w:rsid w:val="24549C14"/>
    <w:rsid w:val="3025670D"/>
    <w:rsid w:val="31F15444"/>
    <w:rsid w:val="3840FF28"/>
    <w:rsid w:val="38C4279F"/>
    <w:rsid w:val="5DB9F122"/>
    <w:rsid w:val="638ACFD2"/>
    <w:rsid w:val="6396EDA4"/>
    <w:rsid w:val="79AF823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3"/>
    <o:shapelayout v:ext="edit">
      <o:idmap v:ext="edit" data="1"/>
    </o:shapelayout>
  </w:shapeDefaults>
  <w:decimalSymbol w:val="."/>
  <w:listSeparator w:val=","/>
  <w14:docId w14:val="78DD8F1D"/>
  <w15:chartTrackingRefBased/>
  <w15:docId w15:val="{A978688C-017C-4C05-B66F-118EC104F8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hAnsiTheme="minorHAnsi" w:eastAsia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styleId="Normal" w:default="1">
    <w:name w:val="Normal"/>
    <w:qFormat/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paragraph" w:customStyle="1">
    <w:name w:val="paragraph"/>
    <w:basedOn w:val="Normal"/>
    <w:rsid w:val="00C07001"/>
    <w:pPr>
      <w:spacing w:before="100" w:beforeAutospacing="1" w:after="100" w:afterAutospacing="1" w:line="240" w:lineRule="auto"/>
    </w:pPr>
    <w:rPr>
      <w:rFonts w:ascii="Times New Roman" w:hAnsi="Times New Roman" w:eastAsia="Times New Roman" w:cs="Times New Roman"/>
      <w:sz w:val="24"/>
      <w:szCs w:val="24"/>
      <w:lang w:eastAsia="en-GB"/>
    </w:rPr>
  </w:style>
  <w:style w:type="character" w:styleId="normaltextrun" w:customStyle="1">
    <w:name w:val="normaltextrun"/>
    <w:basedOn w:val="DefaultParagraphFont"/>
    <w:rsid w:val="00C07001"/>
  </w:style>
  <w:style w:type="character" w:styleId="eop" w:customStyle="1">
    <w:name w:val="eop"/>
    <w:basedOn w:val="DefaultParagraphFont"/>
    <w:rsid w:val="00C07001"/>
  </w:style>
  <w:style w:type="table" w:styleId="TableGrid">
    <w:name w:val="Table Grid"/>
    <w:basedOn w:val="TableNormal"/>
    <w:uiPriority w:val="39"/>
    <w:rsid w:val="00C07001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CF638F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CF638F"/>
    <w:rPr>
      <w:rFonts w:ascii="Segoe UI" w:hAnsi="Segoe UI" w:cs="Segoe UI"/>
      <w:sz w:val="18"/>
      <w:szCs w:val="18"/>
    </w:rPr>
  </w:style>
  <w:style w:type="paragraph" w:styleId="ListParagraph">
    <w:name w:val="List Paragraph"/>
    <w:basedOn w:val="Normal"/>
    <w:uiPriority w:val="34"/>
    <w:qFormat/>
    <w:rsid w:val="00176748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B86E52"/>
    <w:pPr>
      <w:tabs>
        <w:tab w:val="center" w:pos="4513"/>
        <w:tab w:val="right" w:pos="9026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  <w:rsid w:val="00B86E52"/>
  </w:style>
  <w:style w:type="paragraph" w:styleId="Footer">
    <w:name w:val="footer"/>
    <w:basedOn w:val="Normal"/>
    <w:link w:val="FooterChar"/>
    <w:uiPriority w:val="99"/>
    <w:unhideWhenUsed/>
    <w:rsid w:val="00B86E52"/>
    <w:pPr>
      <w:tabs>
        <w:tab w:val="center" w:pos="4513"/>
        <w:tab w:val="right" w:pos="9026"/>
      </w:tabs>
      <w:spacing w:after="0" w:line="240" w:lineRule="auto"/>
    </w:pPr>
  </w:style>
  <w:style w:type="character" w:styleId="FooterChar" w:customStyle="1">
    <w:name w:val="Footer Char"/>
    <w:basedOn w:val="DefaultParagraphFont"/>
    <w:link w:val="Footer"/>
    <w:uiPriority w:val="99"/>
    <w:rsid w:val="00B86E52"/>
  </w:style>
  <w:style w:type="character" w:styleId="Hyperlink">
    <w:name w:val="Hyperlink"/>
    <w:basedOn w:val="DefaultParagraphFont"/>
    <w:uiPriority w:val="99"/>
    <w:unhideWhenUsed/>
    <w:rsid w:val="00707762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70776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837971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notes" Target="footnotes.xml" Id="rId8" /><Relationship Type="http://schemas.openxmlformats.org/officeDocument/2006/relationships/hyperlink" Target="https://www.eauc.org.uk/scotland_staff_and_governance" TargetMode="External" Id="rId13" /><Relationship Type="http://schemas.openxmlformats.org/officeDocument/2006/relationships/customXml" Target="../customXml/item3.xml" Id="rId3" /><Relationship Type="http://schemas.openxmlformats.org/officeDocument/2006/relationships/webSettings" Target="webSettings.xml" Id="rId7" /><Relationship Type="http://schemas.openxmlformats.org/officeDocument/2006/relationships/hyperlink" Target="mailto:scotland@eauc.org.uk" TargetMode="External" Id="rId12" /><Relationship Type="http://schemas.openxmlformats.org/officeDocument/2006/relationships/theme" Target="theme/theme1.xml" Id="rId17" /><Relationship Type="http://schemas.openxmlformats.org/officeDocument/2006/relationships/customXml" Target="../customXml/item2.xml" Id="rId2" /><Relationship Type="http://schemas.openxmlformats.org/officeDocument/2006/relationships/fontTable" Target="fontTable.xml" Id="rId16" /><Relationship Type="http://schemas.openxmlformats.org/officeDocument/2006/relationships/customXml" Target="../customXml/item1.xml" Id="rId1" /><Relationship Type="http://schemas.openxmlformats.org/officeDocument/2006/relationships/settings" Target="settings.xml" Id="rId6" /><Relationship Type="http://schemas.openxmlformats.org/officeDocument/2006/relationships/hyperlink" Target="https://www.eauc.org.uk/events" TargetMode="External" Id="rId11" /><Relationship Type="http://schemas.openxmlformats.org/officeDocument/2006/relationships/styles" Target="styles.xml" Id="rId5" /><Relationship Type="http://schemas.openxmlformats.org/officeDocument/2006/relationships/hyperlink" Target="https://www.borderscollege.ac.uk/sustainability" TargetMode="External" Id="rId15" /><Relationship Type="http://schemas.openxmlformats.org/officeDocument/2006/relationships/image" Target="media/image1.jpeg" Id="rId10" /><Relationship Type="http://schemas.openxmlformats.org/officeDocument/2006/relationships/numbering" Target="numbering.xml" Id="rId4" /><Relationship Type="http://schemas.openxmlformats.org/officeDocument/2006/relationships/endnotes" Target="endnotes.xml" Id="rId9" /><Relationship Type="http://schemas.openxmlformats.org/officeDocument/2006/relationships/hyperlink" Target="https://www.greengownawards.org/borders-college" TargetMode="External" Id="rId14" /><Relationship Type="http://schemas.openxmlformats.org/officeDocument/2006/relationships/hyperlink" Target="https://www.sustainabilityexchange.ac.uk/eauc-scotland_annual_general_meeting_and_spring1" TargetMode="External" Id="Rd448c3c5e1d24c99" /><Relationship Type="http://schemas.openxmlformats.org/officeDocument/2006/relationships/hyperlink" Target="https://www.sustainabilityexchange.ac.uk/eauc-scotland_annual_general_meeting_and_spring1" TargetMode="External" Id="R3bb994a048ea45d0" /><Relationship Type="http://schemas.openxmlformats.org/officeDocument/2006/relationships/hyperlink" Target="https://www.sustainabilityexchange.ac.uk/eauc-scotland_annual_general_meeting_and_spring1" TargetMode="External" Id="R35727bb5514f4ede" /><Relationship Type="http://schemas.openxmlformats.org/officeDocument/2006/relationships/hyperlink" Target="https://www.sustainabilityexchange.ac.uk/eauc-scotland_annual_general_meeting_and_spring1" TargetMode="External" Id="R8a4f8ea125f3440d" /><Relationship Type="http://schemas.openxmlformats.org/officeDocument/2006/relationships/hyperlink" Target="https://www.sustainabilityexchange.ac.uk/eauc-scotland_annual_general_meeting_and_spring1" TargetMode="External" Id="Rb5c353691a7e4cc6" 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0A82F691CC26A45BB748004A54C0C63" ma:contentTypeVersion="16" ma:contentTypeDescription="Create a new document." ma:contentTypeScope="" ma:versionID="c6058e2e138805aefea65fee7c4127ff">
  <xsd:schema xmlns:xsd="http://www.w3.org/2001/XMLSchema" xmlns:xs="http://www.w3.org/2001/XMLSchema" xmlns:p="http://schemas.microsoft.com/office/2006/metadata/properties" xmlns:ns2="bac58e29-0c23-4090-b611-ed602008453e" xmlns:ns3="2213ecb7-d87a-4aba-b21b-ec7ca04e5a58" targetNamespace="http://schemas.microsoft.com/office/2006/metadata/properties" ma:root="true" ma:fieldsID="d6c1969c7c375b91b16eee6c6b3ed5da" ns2:_="" ns3:_="">
    <xsd:import namespace="bac58e29-0c23-4090-b611-ed602008453e"/>
    <xsd:import namespace="2213ecb7-d87a-4aba-b21b-ec7ca04e5a5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ServiceAutoTags" minOccurs="0"/>
                <xsd:element ref="ns2:MediaServiceGenerationTime" minOccurs="0"/>
                <xsd:element ref="ns2:MediaServiceEventHashCode" minOccurs="0"/>
                <xsd:element ref="ns2:MediaServiceOCR" minOccurs="0"/>
                <xsd:element ref="ns2:MediaServiceLocation" minOccurs="0"/>
                <xsd:element ref="ns3:SharedWithUsers" minOccurs="0"/>
                <xsd:element ref="ns3:SharedWithDetails" minOccurs="0"/>
                <xsd:element ref="ns2:MediaLengthInSeconds" minOccurs="0"/>
                <xsd:element ref="ns2:lcf76f155ced4ddcb4097134ff3c332f" minOccurs="0"/>
                <xsd:element ref="ns3:TaxCatchAl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ac58e29-0c23-4090-b611-ed602008453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Location" ma:index="17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Length (seconds)" ma:internalName="MediaLengthInSeconds" ma:readOnly="true">
      <xsd:simpleType>
        <xsd:restriction base="dms:Unknown"/>
      </xsd:simpleType>
    </xsd:element>
    <xsd:element name="lcf76f155ced4ddcb4097134ff3c332f" ma:index="22" nillable="true" ma:taxonomy="true" ma:internalName="lcf76f155ced4ddcb4097134ff3c332f" ma:taxonomyFieldName="MediaServiceImageTags" ma:displayName="Image Tags" ma:readOnly="false" ma:fieldId="{5cf76f15-5ced-4ddc-b409-7134ff3c332f}" ma:taxonomyMulti="true" ma:sspId="d6c6c170-7366-48ed-88e6-2840e0212977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213ecb7-d87a-4aba-b21b-ec7ca04e5a58" elementFormDefault="qualified">
    <xsd:import namespace="http://schemas.microsoft.com/office/2006/documentManagement/types"/>
    <xsd:import namespace="http://schemas.microsoft.com/office/infopath/2007/PartnerControls"/>
    <xsd:element name="SharedWithUsers" ma:index="1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TaxCatchAll" ma:index="23" nillable="true" ma:displayName="Taxonomy Catch All Column" ma:hidden="true" ma:list="{12a8d26b-852d-45c4-8141-779065016c1b}" ma:internalName="TaxCatchAll" ma:showField="CatchAllData" ma:web="2213ecb7-d87a-4aba-b21b-ec7ca04e5a58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213ecb7-d87a-4aba-b21b-ec7ca04e5a58" xsi:nil="true"/>
    <lcf76f155ced4ddcb4097134ff3c332f xmlns="bac58e29-0c23-4090-b611-ed602008453e">
      <Terms xmlns="http://schemas.microsoft.com/office/infopath/2007/PartnerControls"/>
    </lcf76f155ced4ddcb4097134ff3c332f>
  </documentManagement>
</p:properties>
</file>

<file path=customXml/itemProps1.xml><?xml version="1.0" encoding="utf-8"?>
<ds:datastoreItem xmlns:ds="http://schemas.openxmlformats.org/officeDocument/2006/customXml" ds:itemID="{F644AB9D-F77B-4F85-B522-F9BEFE719C7A}"/>
</file>

<file path=customXml/itemProps2.xml><?xml version="1.0" encoding="utf-8"?>
<ds:datastoreItem xmlns:ds="http://schemas.openxmlformats.org/officeDocument/2006/customXml" ds:itemID="{74059E3F-F536-41C4-8AF9-A051E7A2940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77E1C35-9C5F-4338-AF34-12BFFE7169FC}">
  <ds:schemaRefs>
    <ds:schemaRef ds:uri="http://www.w3.org/XML/1998/namespace"/>
    <ds:schemaRef ds:uri="http://purl.org/dc/elements/1.1/"/>
    <ds:schemaRef ds:uri="e8682036-b9af-4866-8314-743c0722eb1d"/>
    <ds:schemaRef ds:uri="http://schemas.microsoft.com/office/infopath/2007/PartnerControls"/>
    <ds:schemaRef ds:uri="http://purl.org/dc/dcmitype/"/>
    <ds:schemaRef ds:uri="http://schemas.microsoft.com/office/2006/documentManagement/types"/>
    <ds:schemaRef ds:uri="84bac273-3212-430d-938e-4e9a568fe621"/>
    <ds:schemaRef ds:uri="http://schemas.openxmlformats.org/package/2006/metadata/core-properties"/>
    <ds:schemaRef ds:uri="http://schemas.microsoft.com/office/2006/metadata/properties"/>
    <ds:schemaRef ds:uri="http://purl.org/dc/terms/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Normal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/>
  <dc:subject/>
  <dc:creator>SMITH, Alice</dc:creator>
  <keywords/>
  <dc:description/>
  <lastModifiedBy>SMITH, Alice</lastModifiedBy>
  <revision>6</revision>
  <dcterms:created xsi:type="dcterms:W3CDTF">2023-04-04T11:10:00.0000000Z</dcterms:created>
  <dcterms:modified xsi:type="dcterms:W3CDTF">2023-04-05T08:52:57.6383921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0A82F691CC26A45BB748004A54C0C63</vt:lpwstr>
  </property>
  <property fmtid="{D5CDD505-2E9C-101B-9397-08002B2CF9AE}" pid="3" name="MediaServiceImageTags">
    <vt:lpwstr/>
  </property>
</Properties>
</file>